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1472" windowHeight="9156"/>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F88" i="12" l="1"/>
  <c r="AA30" i="12" l="1"/>
  <c r="AA29" i="12"/>
  <c r="AA28" i="12"/>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BW39" i="10"/>
  <c r="BE39" i="10"/>
  <c r="AM39" i="10"/>
  <c r="U39" i="10"/>
  <c r="C39" i="10"/>
  <c r="BW38" i="10"/>
  <c r="BE38" i="10"/>
  <c r="AM38" i="10"/>
  <c r="U38" i="10"/>
  <c r="C38" i="10"/>
  <c r="BW37" i="10"/>
  <c r="BE37" i="10"/>
  <c r="AM37" i="10"/>
  <c r="U37" i="10"/>
  <c r="C37" i="10"/>
  <c r="BW36" i="10"/>
  <c r="BE36" i="10"/>
  <c r="AM36" i="10"/>
  <c r="BE35" i="10"/>
  <c r="AM35" i="10"/>
  <c r="BE34" i="10"/>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36" i="10" l="1"/>
  <c r="U34" i="10"/>
  <c r="U35" i="10" l="1"/>
  <c r="U36" i="10" s="1"/>
  <c r="AM34" i="10" l="1"/>
  <c r="BW34" i="10" l="1"/>
  <c r="BW35" i="10" s="1"/>
  <c r="CO34" i="10" l="1"/>
  <c r="CO35" i="10" s="1"/>
  <c r="CO36" i="10" s="1"/>
  <c r="CO37" i="10" s="1"/>
  <c r="CO38" i="10" s="1"/>
  <c r="CO39" i="10" s="1"/>
</calcChain>
</file>

<file path=xl/sharedStrings.xml><?xml version="1.0" encoding="utf-8"?>
<sst xmlns="http://schemas.openxmlformats.org/spreadsheetml/2006/main" count="1162" uniqueCount="61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鎌倉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鎌倉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鎌倉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大船駅東口市街地再開発事業特別会計</t>
    <phoneticPr fontId="5"/>
  </si>
  <si>
    <t>公共用地先行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94</t>
  </si>
  <si>
    <t>▲ 0.06</t>
  </si>
  <si>
    <t>▲ 1.07</t>
  </si>
  <si>
    <t>一般会計</t>
  </si>
  <si>
    <t>介護保険事業特別会計</t>
  </si>
  <si>
    <t>下水道事業会計</t>
  </si>
  <si>
    <t>国民健康保険事業特別会計</t>
  </si>
  <si>
    <t>後期高齢者医療事業特別会計</t>
  </si>
  <si>
    <t>大船駅東口市街地再開発事業特別会計</t>
  </si>
  <si>
    <t>公共用地先行取得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本庁舎整備基金</t>
    <phoneticPr fontId="2"/>
  </si>
  <si>
    <t>教育文化施設建設等基金</t>
    <phoneticPr fontId="5"/>
  </si>
  <si>
    <t>一般廃棄物処理施設建設基金</t>
    <phoneticPr fontId="5"/>
  </si>
  <si>
    <t>公共公益施設整備基金</t>
    <phoneticPr fontId="5"/>
  </si>
  <si>
    <t>スポーツ施設建設基金</t>
    <phoneticPr fontId="5"/>
  </si>
  <si>
    <t>○</t>
    <phoneticPr fontId="2"/>
  </si>
  <si>
    <t>鎌倉市土地開発公社</t>
    <rPh sb="0" eb="3">
      <t>カマクラシ</t>
    </rPh>
    <rPh sb="3" eb="5">
      <t>トチ</t>
    </rPh>
    <rPh sb="5" eb="7">
      <t>カイハツ</t>
    </rPh>
    <rPh sb="7" eb="9">
      <t>コウシャ</t>
    </rPh>
    <phoneticPr fontId="2"/>
  </si>
  <si>
    <t>鎌倉市公園協会</t>
  </si>
  <si>
    <t>鎌倉風致保存会</t>
  </si>
  <si>
    <t>鎌倉市芸術文化振興財団</t>
  </si>
  <si>
    <t>公益財団法人かながわ海岸美化財団</t>
    <rPh sb="0" eb="2">
      <t>コウエキ</t>
    </rPh>
    <rPh sb="2" eb="4">
      <t>ザイダン</t>
    </rPh>
    <rPh sb="4" eb="6">
      <t>ホウジン</t>
    </rPh>
    <rPh sb="10" eb="12">
      <t>カイガン</t>
    </rPh>
    <rPh sb="12" eb="14">
      <t>ビカ</t>
    </rPh>
    <rPh sb="14" eb="16">
      <t>ザイダン</t>
    </rPh>
    <phoneticPr fontId="2"/>
  </si>
  <si>
    <t>公益財団法人かながわ健康財団</t>
    <rPh sb="10" eb="12">
      <t>ケンコウ</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16" eb="18">
      <t>トクベツ</t>
    </rPh>
    <phoneticPr fontId="2"/>
  </si>
  <si>
    <t>-</t>
    <phoneticPr fontId="2"/>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は類似団体と比較して継続して低い水準にある一方、有形固定資産減価償却率は類似団体平均よりやや高い状況が続いている。
　今後も引き続き老朽化した施設の改築更新など長期的な計画に基づいて取り組んで行く。</t>
    <rPh sb="55" eb="57">
      <t>ジョウキョウ</t>
    </rPh>
    <rPh sb="58" eb="59">
      <t>ツヅ</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実質公債費比率、将来負担比率ともに類似団体と比較して低い水準だった。
　今後も引き続き後年度負担を考慮し、適正な水準の維持に努める。</t>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left/>
      <right style="medium">
        <color indexed="64"/>
      </right>
      <top style="hair">
        <color indexed="64"/>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30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46" xfId="14" applyNumberFormat="1" applyFont="1" applyBorder="1" applyAlignment="1" applyProtection="1">
      <alignment horizontal="right" vertical="center" shrinkToFit="1"/>
      <protection locked="0"/>
    </xf>
    <xf numFmtId="177" fontId="34" fillId="0" borderId="188"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1080</c:v>
                </c:pt>
                <c:pt idx="1">
                  <c:v>33173</c:v>
                </c:pt>
                <c:pt idx="2">
                  <c:v>37644</c:v>
                </c:pt>
                <c:pt idx="3">
                  <c:v>39221</c:v>
                </c:pt>
                <c:pt idx="4">
                  <c:v>38566</c:v>
                </c:pt>
              </c:numCache>
            </c:numRef>
          </c:val>
          <c:smooth val="0"/>
          <c:extLst>
            <c:ext xmlns:c16="http://schemas.microsoft.com/office/drawing/2014/chart" uri="{C3380CC4-5D6E-409C-BE32-E72D297353CC}">
              <c16:uniqueId val="{00000000-CBC0-47B4-8202-37083568AAE5}"/>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8904</c:v>
                </c:pt>
                <c:pt idx="1">
                  <c:v>26532</c:v>
                </c:pt>
                <c:pt idx="2">
                  <c:v>25558</c:v>
                </c:pt>
                <c:pt idx="3">
                  <c:v>27672</c:v>
                </c:pt>
                <c:pt idx="4">
                  <c:v>14199</c:v>
                </c:pt>
              </c:numCache>
            </c:numRef>
          </c:val>
          <c:smooth val="0"/>
          <c:extLst>
            <c:ext xmlns:c16="http://schemas.microsoft.com/office/drawing/2014/chart" uri="{C3380CC4-5D6E-409C-BE32-E72D297353CC}">
              <c16:uniqueId val="{00000001-CBC0-47B4-8202-37083568AAE5}"/>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4.3099999999999996</c:v>
                </c:pt>
                <c:pt idx="1">
                  <c:v>4.6100000000000003</c:v>
                </c:pt>
                <c:pt idx="2">
                  <c:v>7.2</c:v>
                </c:pt>
                <c:pt idx="3">
                  <c:v>8.57</c:v>
                </c:pt>
                <c:pt idx="4">
                  <c:v>12.48</c:v>
                </c:pt>
              </c:numCache>
            </c:numRef>
          </c:val>
          <c:extLst>
            <c:ext xmlns:c16="http://schemas.microsoft.com/office/drawing/2014/chart" uri="{C3380CC4-5D6E-409C-BE32-E72D297353CC}">
              <c16:uniqueId val="{00000000-5880-4C9C-AA1E-F7ECC1F2EDC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6.34</c:v>
                </c:pt>
                <c:pt idx="1">
                  <c:v>15.8</c:v>
                </c:pt>
                <c:pt idx="2">
                  <c:v>12.05</c:v>
                </c:pt>
                <c:pt idx="3">
                  <c:v>12.8</c:v>
                </c:pt>
                <c:pt idx="4">
                  <c:v>16.559999999999999</c:v>
                </c:pt>
              </c:numCache>
            </c:numRef>
          </c:val>
          <c:extLst>
            <c:ext xmlns:c16="http://schemas.microsoft.com/office/drawing/2014/chart" uri="{C3380CC4-5D6E-409C-BE32-E72D297353CC}">
              <c16:uniqueId val="{00000001-5880-4C9C-AA1E-F7ECC1F2EDC4}"/>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0.94</c:v>
                </c:pt>
                <c:pt idx="1">
                  <c:v>-0.06</c:v>
                </c:pt>
                <c:pt idx="2">
                  <c:v>-1.07</c:v>
                </c:pt>
                <c:pt idx="3">
                  <c:v>2.93</c:v>
                </c:pt>
                <c:pt idx="4">
                  <c:v>7.04</c:v>
                </c:pt>
              </c:numCache>
            </c:numRef>
          </c:val>
          <c:smooth val="0"/>
          <c:extLst>
            <c:ext xmlns:c16="http://schemas.microsoft.com/office/drawing/2014/chart" uri="{C3380CC4-5D6E-409C-BE32-E72D297353CC}">
              <c16:uniqueId val="{00000002-5880-4C9C-AA1E-F7ECC1F2EDC4}"/>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36</c:v>
                </c:pt>
                <c:pt idx="2">
                  <c:v>#N/A</c:v>
                </c:pt>
                <c:pt idx="3">
                  <c:v>0.59</c:v>
                </c:pt>
                <c:pt idx="4">
                  <c:v>0</c:v>
                </c:pt>
                <c:pt idx="5">
                  <c:v>0</c:v>
                </c:pt>
                <c:pt idx="6">
                  <c:v>0</c:v>
                </c:pt>
                <c:pt idx="7">
                  <c:v>0</c:v>
                </c:pt>
                <c:pt idx="8">
                  <c:v>0</c:v>
                </c:pt>
                <c:pt idx="9">
                  <c:v>0</c:v>
                </c:pt>
              </c:numCache>
            </c:numRef>
          </c:val>
          <c:extLst>
            <c:ext xmlns:c16="http://schemas.microsoft.com/office/drawing/2014/chart" uri="{C3380CC4-5D6E-409C-BE32-E72D297353CC}">
              <c16:uniqueId val="{00000000-FA23-4511-B210-C2729273F951}"/>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FA23-4511-B210-C2729273F951}"/>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FA23-4511-B210-C2729273F951}"/>
            </c:ext>
          </c:extLst>
        </c:ser>
        <c:ser>
          <c:idx val="3"/>
          <c:order val="3"/>
          <c:tx>
            <c:strRef>
              <c:f>データシート!$A$30</c:f>
              <c:strCache>
                <c:ptCount val="1"/>
                <c:pt idx="0">
                  <c:v>公共用地先行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FA23-4511-B210-C2729273F951}"/>
            </c:ext>
          </c:extLst>
        </c:ser>
        <c:ser>
          <c:idx val="4"/>
          <c:order val="4"/>
          <c:tx>
            <c:strRef>
              <c:f>データシート!$A$31</c:f>
              <c:strCache>
                <c:ptCount val="1"/>
                <c:pt idx="0">
                  <c:v>大船駅東口市街地再開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01</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FA23-4511-B210-C2729273F951}"/>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1</c:v>
                </c:pt>
                <c:pt idx="2">
                  <c:v>#N/A</c:v>
                </c:pt>
                <c:pt idx="3">
                  <c:v>0.13</c:v>
                </c:pt>
                <c:pt idx="4">
                  <c:v>#N/A</c:v>
                </c:pt>
                <c:pt idx="5">
                  <c:v>0.11</c:v>
                </c:pt>
                <c:pt idx="6">
                  <c:v>#N/A</c:v>
                </c:pt>
                <c:pt idx="7">
                  <c:v>0.13</c:v>
                </c:pt>
                <c:pt idx="8">
                  <c:v>#N/A</c:v>
                </c:pt>
                <c:pt idx="9">
                  <c:v>0.15</c:v>
                </c:pt>
              </c:numCache>
            </c:numRef>
          </c:val>
          <c:extLst>
            <c:ext xmlns:c16="http://schemas.microsoft.com/office/drawing/2014/chart" uri="{C3380CC4-5D6E-409C-BE32-E72D297353CC}">
              <c16:uniqueId val="{00000005-FA23-4511-B210-C2729273F951}"/>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2.46</c:v>
                </c:pt>
                <c:pt idx="2">
                  <c:v>#N/A</c:v>
                </c:pt>
                <c:pt idx="3">
                  <c:v>0.38</c:v>
                </c:pt>
                <c:pt idx="4">
                  <c:v>#N/A</c:v>
                </c:pt>
                <c:pt idx="5">
                  <c:v>0.24</c:v>
                </c:pt>
                <c:pt idx="6">
                  <c:v>#N/A</c:v>
                </c:pt>
                <c:pt idx="7">
                  <c:v>1.07</c:v>
                </c:pt>
                <c:pt idx="8">
                  <c:v>#N/A</c:v>
                </c:pt>
                <c:pt idx="9">
                  <c:v>0.65</c:v>
                </c:pt>
              </c:numCache>
            </c:numRef>
          </c:val>
          <c:extLst>
            <c:ext xmlns:c16="http://schemas.microsoft.com/office/drawing/2014/chart" uri="{C3380CC4-5D6E-409C-BE32-E72D297353CC}">
              <c16:uniqueId val="{00000006-FA23-4511-B210-C2729273F951}"/>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0</c:v>
                </c:pt>
                <c:pt idx="1">
                  <c:v>0</c:v>
                </c:pt>
                <c:pt idx="2">
                  <c:v>0</c:v>
                </c:pt>
                <c:pt idx="3">
                  <c:v>0</c:v>
                </c:pt>
                <c:pt idx="4">
                  <c:v>#N/A</c:v>
                </c:pt>
                <c:pt idx="5">
                  <c:v>0.73</c:v>
                </c:pt>
                <c:pt idx="6">
                  <c:v>#N/A</c:v>
                </c:pt>
                <c:pt idx="7">
                  <c:v>1.19</c:v>
                </c:pt>
                <c:pt idx="8">
                  <c:v>#N/A</c:v>
                </c:pt>
                <c:pt idx="9">
                  <c:v>1.28</c:v>
                </c:pt>
              </c:numCache>
            </c:numRef>
          </c:val>
          <c:extLst>
            <c:ext xmlns:c16="http://schemas.microsoft.com/office/drawing/2014/chart" uri="{C3380CC4-5D6E-409C-BE32-E72D297353CC}">
              <c16:uniqueId val="{00000007-FA23-4511-B210-C2729273F951}"/>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1.45</c:v>
                </c:pt>
                <c:pt idx="2">
                  <c:v>#N/A</c:v>
                </c:pt>
                <c:pt idx="3">
                  <c:v>2.0099999999999998</c:v>
                </c:pt>
                <c:pt idx="4">
                  <c:v>#N/A</c:v>
                </c:pt>
                <c:pt idx="5">
                  <c:v>0.61</c:v>
                </c:pt>
                <c:pt idx="6">
                  <c:v>#N/A</c:v>
                </c:pt>
                <c:pt idx="7">
                  <c:v>0.87</c:v>
                </c:pt>
                <c:pt idx="8">
                  <c:v>#N/A</c:v>
                </c:pt>
                <c:pt idx="9">
                  <c:v>1.4</c:v>
                </c:pt>
              </c:numCache>
            </c:numRef>
          </c:val>
          <c:extLst>
            <c:ext xmlns:c16="http://schemas.microsoft.com/office/drawing/2014/chart" uri="{C3380CC4-5D6E-409C-BE32-E72D297353CC}">
              <c16:uniqueId val="{00000008-FA23-4511-B210-C2729273F951}"/>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4.26</c:v>
                </c:pt>
                <c:pt idx="2">
                  <c:v>#N/A</c:v>
                </c:pt>
                <c:pt idx="3">
                  <c:v>4.5599999999999996</c:v>
                </c:pt>
                <c:pt idx="4">
                  <c:v>#N/A</c:v>
                </c:pt>
                <c:pt idx="5">
                  <c:v>7.15</c:v>
                </c:pt>
                <c:pt idx="6">
                  <c:v>#N/A</c:v>
                </c:pt>
                <c:pt idx="7">
                  <c:v>8.56</c:v>
                </c:pt>
                <c:pt idx="8">
                  <c:v>#N/A</c:v>
                </c:pt>
                <c:pt idx="9">
                  <c:v>12.47</c:v>
                </c:pt>
              </c:numCache>
            </c:numRef>
          </c:val>
          <c:extLst>
            <c:ext xmlns:c16="http://schemas.microsoft.com/office/drawing/2014/chart" uri="{C3380CC4-5D6E-409C-BE32-E72D297353CC}">
              <c16:uniqueId val="{00000009-FA23-4511-B210-C2729273F951}"/>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6352</c:v>
                </c:pt>
                <c:pt idx="5">
                  <c:v>6160</c:v>
                </c:pt>
                <c:pt idx="8">
                  <c:v>6310</c:v>
                </c:pt>
                <c:pt idx="11">
                  <c:v>5836</c:v>
                </c:pt>
                <c:pt idx="14">
                  <c:v>5946</c:v>
                </c:pt>
              </c:numCache>
            </c:numRef>
          </c:val>
          <c:extLst>
            <c:ext xmlns:c16="http://schemas.microsoft.com/office/drawing/2014/chart" uri="{C3380CC4-5D6E-409C-BE32-E72D297353CC}">
              <c16:uniqueId val="{00000000-E45E-413F-AB06-6FD2F2C53E8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E45E-413F-AB06-6FD2F2C53E8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84</c:v>
                </c:pt>
                <c:pt idx="3">
                  <c:v>84</c:v>
                </c:pt>
                <c:pt idx="6">
                  <c:v>119</c:v>
                </c:pt>
                <c:pt idx="9">
                  <c:v>0</c:v>
                </c:pt>
                <c:pt idx="12">
                  <c:v>0</c:v>
                </c:pt>
              </c:numCache>
            </c:numRef>
          </c:val>
          <c:extLst>
            <c:ext xmlns:c16="http://schemas.microsoft.com/office/drawing/2014/chart" uri="{C3380CC4-5D6E-409C-BE32-E72D297353CC}">
              <c16:uniqueId val="{00000002-E45E-413F-AB06-6FD2F2C53E8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E45E-413F-AB06-6FD2F2C53E8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2104</c:v>
                </c:pt>
                <c:pt idx="3">
                  <c:v>2056</c:v>
                </c:pt>
                <c:pt idx="6">
                  <c:v>2187</c:v>
                </c:pt>
                <c:pt idx="9">
                  <c:v>1924</c:v>
                </c:pt>
                <c:pt idx="12">
                  <c:v>1916</c:v>
                </c:pt>
              </c:numCache>
            </c:numRef>
          </c:val>
          <c:extLst>
            <c:ext xmlns:c16="http://schemas.microsoft.com/office/drawing/2014/chart" uri="{C3380CC4-5D6E-409C-BE32-E72D297353CC}">
              <c16:uniqueId val="{00000004-E45E-413F-AB06-6FD2F2C53E8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45E-413F-AB06-6FD2F2C53E8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E45E-413F-AB06-6FD2F2C53E8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4268</c:v>
                </c:pt>
                <c:pt idx="3">
                  <c:v>4257</c:v>
                </c:pt>
                <c:pt idx="6">
                  <c:v>4476</c:v>
                </c:pt>
                <c:pt idx="9">
                  <c:v>4359</c:v>
                </c:pt>
                <c:pt idx="12">
                  <c:v>4230</c:v>
                </c:pt>
              </c:numCache>
            </c:numRef>
          </c:val>
          <c:extLst>
            <c:ext xmlns:c16="http://schemas.microsoft.com/office/drawing/2014/chart" uri="{C3380CC4-5D6E-409C-BE32-E72D297353CC}">
              <c16:uniqueId val="{00000007-E45E-413F-AB06-6FD2F2C53E8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04</c:v>
                </c:pt>
                <c:pt idx="2">
                  <c:v>#N/A</c:v>
                </c:pt>
                <c:pt idx="3">
                  <c:v>#N/A</c:v>
                </c:pt>
                <c:pt idx="4">
                  <c:v>237</c:v>
                </c:pt>
                <c:pt idx="5">
                  <c:v>#N/A</c:v>
                </c:pt>
                <c:pt idx="6">
                  <c:v>#N/A</c:v>
                </c:pt>
                <c:pt idx="7">
                  <c:v>472</c:v>
                </c:pt>
                <c:pt idx="8">
                  <c:v>#N/A</c:v>
                </c:pt>
                <c:pt idx="9">
                  <c:v>#N/A</c:v>
                </c:pt>
                <c:pt idx="10">
                  <c:v>447</c:v>
                </c:pt>
                <c:pt idx="11">
                  <c:v>#N/A</c:v>
                </c:pt>
                <c:pt idx="12">
                  <c:v>#N/A</c:v>
                </c:pt>
                <c:pt idx="13">
                  <c:v>200</c:v>
                </c:pt>
                <c:pt idx="14">
                  <c:v>#N/A</c:v>
                </c:pt>
              </c:numCache>
            </c:numRef>
          </c:val>
          <c:smooth val="0"/>
          <c:extLst>
            <c:ext xmlns:c16="http://schemas.microsoft.com/office/drawing/2014/chart" uri="{C3380CC4-5D6E-409C-BE32-E72D297353CC}">
              <c16:uniqueId val="{00000008-E45E-413F-AB06-6FD2F2C53E8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35554</c:v>
                </c:pt>
                <c:pt idx="5">
                  <c:v>33134</c:v>
                </c:pt>
                <c:pt idx="8">
                  <c:v>30921</c:v>
                </c:pt>
                <c:pt idx="11">
                  <c:v>28855</c:v>
                </c:pt>
                <c:pt idx="14">
                  <c:v>25994</c:v>
                </c:pt>
              </c:numCache>
            </c:numRef>
          </c:val>
          <c:extLst>
            <c:ext xmlns:c16="http://schemas.microsoft.com/office/drawing/2014/chart" uri="{C3380CC4-5D6E-409C-BE32-E72D297353CC}">
              <c16:uniqueId val="{00000000-BBBF-4235-A8FE-F79B3661458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35106</c:v>
                </c:pt>
                <c:pt idx="5">
                  <c:v>35018</c:v>
                </c:pt>
                <c:pt idx="8">
                  <c:v>36413</c:v>
                </c:pt>
                <c:pt idx="11">
                  <c:v>34493</c:v>
                </c:pt>
                <c:pt idx="14">
                  <c:v>32790</c:v>
                </c:pt>
              </c:numCache>
            </c:numRef>
          </c:val>
          <c:extLst>
            <c:ext xmlns:c16="http://schemas.microsoft.com/office/drawing/2014/chart" uri="{C3380CC4-5D6E-409C-BE32-E72D297353CC}">
              <c16:uniqueId val="{00000001-BBBF-4235-A8FE-F79B3661458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1401</c:v>
                </c:pt>
                <c:pt idx="5">
                  <c:v>12331</c:v>
                </c:pt>
                <c:pt idx="8">
                  <c:v>11767</c:v>
                </c:pt>
                <c:pt idx="11">
                  <c:v>12517</c:v>
                </c:pt>
                <c:pt idx="14">
                  <c:v>14891</c:v>
                </c:pt>
              </c:numCache>
            </c:numRef>
          </c:val>
          <c:extLst>
            <c:ext xmlns:c16="http://schemas.microsoft.com/office/drawing/2014/chart" uri="{C3380CC4-5D6E-409C-BE32-E72D297353CC}">
              <c16:uniqueId val="{00000002-BBBF-4235-A8FE-F79B3661458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BBF-4235-A8FE-F79B3661458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BBF-4235-A8FE-F79B3661458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BBF-4235-A8FE-F79B3661458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9211</c:v>
                </c:pt>
                <c:pt idx="3">
                  <c:v>8776</c:v>
                </c:pt>
                <c:pt idx="6">
                  <c:v>8254</c:v>
                </c:pt>
                <c:pt idx="9">
                  <c:v>8174</c:v>
                </c:pt>
                <c:pt idx="12">
                  <c:v>7606</c:v>
                </c:pt>
              </c:numCache>
            </c:numRef>
          </c:val>
          <c:extLst>
            <c:ext xmlns:c16="http://schemas.microsoft.com/office/drawing/2014/chart" uri="{C3380CC4-5D6E-409C-BE32-E72D297353CC}">
              <c16:uniqueId val="{00000006-BBBF-4235-A8FE-F79B3661458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BBBF-4235-A8FE-F79B3661458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6382</c:v>
                </c:pt>
                <c:pt idx="3">
                  <c:v>25422</c:v>
                </c:pt>
                <c:pt idx="6">
                  <c:v>24032</c:v>
                </c:pt>
                <c:pt idx="9">
                  <c:v>22602</c:v>
                </c:pt>
                <c:pt idx="12">
                  <c:v>21397</c:v>
                </c:pt>
              </c:numCache>
            </c:numRef>
          </c:val>
          <c:extLst>
            <c:ext xmlns:c16="http://schemas.microsoft.com/office/drawing/2014/chart" uri="{C3380CC4-5D6E-409C-BE32-E72D297353CC}">
              <c16:uniqueId val="{00000008-BBBF-4235-A8FE-F79B3661458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3856</c:v>
                </c:pt>
                <c:pt idx="3">
                  <c:v>283</c:v>
                </c:pt>
                <c:pt idx="6">
                  <c:v>3527</c:v>
                </c:pt>
                <c:pt idx="9">
                  <c:v>3426</c:v>
                </c:pt>
                <c:pt idx="12">
                  <c:v>3426</c:v>
                </c:pt>
              </c:numCache>
            </c:numRef>
          </c:val>
          <c:extLst>
            <c:ext xmlns:c16="http://schemas.microsoft.com/office/drawing/2014/chart" uri="{C3380CC4-5D6E-409C-BE32-E72D297353CC}">
              <c16:uniqueId val="{00000009-BBBF-4235-A8FE-F79B3661458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39734</c:v>
                </c:pt>
                <c:pt idx="3">
                  <c:v>38075</c:v>
                </c:pt>
                <c:pt idx="6">
                  <c:v>35945</c:v>
                </c:pt>
                <c:pt idx="9">
                  <c:v>34723</c:v>
                </c:pt>
                <c:pt idx="12">
                  <c:v>31933</c:v>
                </c:pt>
              </c:numCache>
            </c:numRef>
          </c:val>
          <c:extLst>
            <c:ext xmlns:c16="http://schemas.microsoft.com/office/drawing/2014/chart" uri="{C3380CC4-5D6E-409C-BE32-E72D297353CC}">
              <c16:uniqueId val="{0000000A-BBBF-4235-A8FE-F79B3661458E}"/>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BBBF-4235-A8FE-F79B3661458E}"/>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4362</c:v>
                </c:pt>
                <c:pt idx="1">
                  <c:v>4815</c:v>
                </c:pt>
                <c:pt idx="2">
                  <c:v>6049</c:v>
                </c:pt>
              </c:numCache>
            </c:numRef>
          </c:val>
          <c:extLst>
            <c:ext xmlns:c16="http://schemas.microsoft.com/office/drawing/2014/chart" uri="{C3380CC4-5D6E-409C-BE32-E72D297353CC}">
              <c16:uniqueId val="{00000000-5B47-4443-990C-41E032C79B8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5B47-4443-990C-41E032C79B8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5379</c:v>
                </c:pt>
                <c:pt idx="1">
                  <c:v>5411</c:v>
                </c:pt>
                <c:pt idx="2">
                  <c:v>6186</c:v>
                </c:pt>
              </c:numCache>
            </c:numRef>
          </c:val>
          <c:extLst>
            <c:ext xmlns:c16="http://schemas.microsoft.com/office/drawing/2014/chart" uri="{C3380CC4-5D6E-409C-BE32-E72D297353CC}">
              <c16:uniqueId val="{00000002-5B47-4443-990C-41E032C79B8D}"/>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A239B96-CB5C-4F48-97C1-B899977D24CE}</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D1BD-4499-A18A-8BCE475200A7}"/>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AAD0E90-AFBE-4E38-821A-AAB164DC86E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1BD-4499-A18A-8BCE475200A7}"/>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1D37B1D-2C5D-4BDA-B404-75C7D7C1350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1BD-4499-A18A-8BCE475200A7}"/>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47A8658-234A-436A-8D78-0B11D2E80E9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1BD-4499-A18A-8BCE475200A7}"/>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515C1ED-62CB-42BF-95EF-BAFABB26947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1BD-4499-A18A-8BCE475200A7}"/>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C8DA064-A094-43A8-A905-D9516236195A}</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D1BD-4499-A18A-8BCE475200A7}"/>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47CEDEB-3BF9-4BB5-BE73-C570F79233F9}</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D1BD-4499-A18A-8BCE475200A7}"/>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5F992D7-6425-4B74-90D5-8A537D56BA04}</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D1BD-4499-A18A-8BCE475200A7}"/>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6819865-D166-4D49-9564-D22A02E71347}</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D1BD-4499-A18A-8BCE475200A7}"/>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9.2</c:v>
                </c:pt>
                <c:pt idx="8">
                  <c:v>56</c:v>
                </c:pt>
                <c:pt idx="16">
                  <c:v>61.9</c:v>
                </c:pt>
                <c:pt idx="24">
                  <c:v>63.3</c:v>
                </c:pt>
                <c:pt idx="32">
                  <c:v>64.8</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D1BD-4499-A18A-8BCE475200A7}"/>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CAFBB32-0473-42D1-8928-726C9D136A4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D1BD-4499-A18A-8BCE475200A7}"/>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FC883F6-1259-40E8-8631-928F335606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1BD-4499-A18A-8BCE475200A7}"/>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B7F96AC-CB79-4689-BD18-F4B63B74FA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1BD-4499-A18A-8BCE475200A7}"/>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5EC9A74-A4FE-4821-8221-7986030F8E6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1BD-4499-A18A-8BCE475200A7}"/>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F6B5058-D1E3-4897-8BE7-5D4B67EB429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1BD-4499-A18A-8BCE475200A7}"/>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93227F1-F344-4EE1-BB1D-10806CE88E6D}</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D1BD-4499-A18A-8BCE475200A7}"/>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3C97709-0008-46C0-88AD-BAC157D9BA4A}</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D1BD-4499-A18A-8BCE475200A7}"/>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1E64592-C20A-4AEA-9AB9-7A3FDAA4BF68}</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D1BD-4499-A18A-8BCE475200A7}"/>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27C0837-F3EE-42D9-8BB6-B686E3313334}</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D1BD-4499-A18A-8BCE475200A7}"/>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9</c:v>
                </c:pt>
                <c:pt idx="8">
                  <c:v>59.4</c:v>
                </c:pt>
                <c:pt idx="16">
                  <c:v>60.2</c:v>
                </c:pt>
                <c:pt idx="24">
                  <c:v>61</c:v>
                </c:pt>
                <c:pt idx="32">
                  <c:v>62.1</c:v>
                </c:pt>
              </c:numCache>
            </c:numRef>
          </c:xVal>
          <c:yVal>
            <c:numRef>
              <c:f>公会計指標分析・財政指標組合せ分析表!$BP$55:$DC$55</c:f>
              <c:numCache>
                <c:formatCode>#,##0.0;"▲ "#,##0.0</c:formatCode>
                <c:ptCount val="40"/>
                <c:pt idx="0">
                  <c:v>17.399999999999999</c:v>
                </c:pt>
                <c:pt idx="8">
                  <c:v>12.1</c:v>
                </c:pt>
                <c:pt idx="16">
                  <c:v>11.2</c:v>
                </c:pt>
                <c:pt idx="24">
                  <c:v>7.1</c:v>
                </c:pt>
                <c:pt idx="32">
                  <c:v>5</c:v>
                </c:pt>
              </c:numCache>
            </c:numRef>
          </c:yVal>
          <c:smooth val="0"/>
          <c:extLst>
            <c:ext xmlns:c16="http://schemas.microsoft.com/office/drawing/2014/chart" uri="{C3380CC4-5D6E-409C-BE32-E72D297353CC}">
              <c16:uniqueId val="{00000013-D1BD-4499-A18A-8BCE475200A7}"/>
            </c:ext>
          </c:extLst>
        </c:ser>
        <c:dLbls>
          <c:showLegendKey val="0"/>
          <c:showVal val="1"/>
          <c:showCatName val="0"/>
          <c:showSerName val="0"/>
          <c:showPercent val="0"/>
          <c:showBubbleSize val="0"/>
        </c:dLbls>
        <c:axId val="46179840"/>
        <c:axId val="46181760"/>
      </c:scatterChart>
      <c:valAx>
        <c:axId val="46179840"/>
        <c:scaling>
          <c:orientation val="maxMin"/>
          <c:max val="63"/>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2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4A1D795-1130-4A4F-851D-9696D7305A7E}</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DA91-46F1-9EAD-AF12F5A9FEB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0FE274E-13B0-4BAF-8B9C-2324BC2E321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A91-46F1-9EAD-AF12F5A9FEB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3DCF316-DD56-4260-8066-575121A739A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A91-46F1-9EAD-AF12F5A9FEB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F797791-02ED-4E19-857E-9A03E59847F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A91-46F1-9EAD-AF12F5A9FEB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B2A9C8C-A0B2-4308-B9E4-DF4C9DFE75C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A91-46F1-9EAD-AF12F5A9FEB1}"/>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BF7B5A2-A451-4E5E-8B1C-28FE7F88C074}</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DA91-46F1-9EAD-AF12F5A9FEB1}"/>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4BB98A6-94CB-484D-B0AC-9030AFA12AE3}</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DA91-46F1-9EAD-AF12F5A9FEB1}"/>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5028190-8107-4B94-959D-C83D99EAE55F}</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DA91-46F1-9EAD-AF12F5A9FEB1}"/>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EBE5722-F2A9-4E3F-A2E4-30E1F40D95D9}</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DA91-46F1-9EAD-AF12F5A9FEB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3</c:v>
                </c:pt>
                <c:pt idx="8">
                  <c:v>0.6</c:v>
                </c:pt>
                <c:pt idx="16">
                  <c:v>0.8</c:v>
                </c:pt>
                <c:pt idx="24">
                  <c:v>1.1000000000000001</c:v>
                </c:pt>
                <c:pt idx="32">
                  <c:v>1.1000000000000001</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DA91-46F1-9EAD-AF12F5A9FEB1}"/>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28AFE32-44A6-4805-BA77-A87963ED29F4}</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DA91-46F1-9EAD-AF12F5A9FEB1}"/>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41BC9733-65D7-415F-815C-2133CA8F05E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A91-46F1-9EAD-AF12F5A9FEB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41B223D-5F13-488B-9CA2-737D96DC3E2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A91-46F1-9EAD-AF12F5A9FEB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DE0E97D-D2A1-4DB2-812D-EA82FC74A6E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A91-46F1-9EAD-AF12F5A9FEB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597873D-DC89-4E4A-AA6C-609BCC7D29F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A91-46F1-9EAD-AF12F5A9FEB1}"/>
                </c:ext>
              </c:extLst>
            </c:dLbl>
            <c:dLbl>
              <c:idx val="8"/>
              <c:layout>
                <c:manualLayout>
                  <c:x val="-4.5096530706953748E-2"/>
                  <c:y val="-6.2416647087793951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405031A-D7A0-42E2-867E-E065141787DC}</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DA91-46F1-9EAD-AF12F5A9FEB1}"/>
                </c:ext>
              </c:extLst>
            </c:dLbl>
            <c:dLbl>
              <c:idx val="16"/>
              <c:layout>
                <c:manualLayout>
                  <c:x val="-1.8171803637232534E-2"/>
                  <c:y val="-6.2416647087793951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0C62A9C-109A-4278-A963-3EAC77EE3202}</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DA91-46F1-9EAD-AF12F5A9FEB1}"/>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0DF665C-0CDD-4D48-B481-8355FE32FF8A}</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DA91-46F1-9EAD-AF12F5A9FEB1}"/>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894D03C-BE8A-4726-A5FE-226E925B8916}</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DA91-46F1-9EAD-AF12F5A9FEB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3.6</c:v>
                </c:pt>
                <c:pt idx="8">
                  <c:v>3.5</c:v>
                </c:pt>
                <c:pt idx="16">
                  <c:v>3.5</c:v>
                </c:pt>
                <c:pt idx="24">
                  <c:v>3.4</c:v>
                </c:pt>
                <c:pt idx="32">
                  <c:v>3.6</c:v>
                </c:pt>
              </c:numCache>
            </c:numRef>
          </c:xVal>
          <c:yVal>
            <c:numRef>
              <c:f>公会計指標分析・財政指標組合せ分析表!$BP$77:$DC$77</c:f>
              <c:numCache>
                <c:formatCode>#,##0.0;"▲ "#,##0.0</c:formatCode>
                <c:ptCount val="40"/>
                <c:pt idx="0">
                  <c:v>17.399999999999999</c:v>
                </c:pt>
                <c:pt idx="8">
                  <c:v>12.1</c:v>
                </c:pt>
                <c:pt idx="16">
                  <c:v>11.2</c:v>
                </c:pt>
                <c:pt idx="24">
                  <c:v>7.1</c:v>
                </c:pt>
                <c:pt idx="32">
                  <c:v>5</c:v>
                </c:pt>
              </c:numCache>
            </c:numRef>
          </c:yVal>
          <c:smooth val="0"/>
          <c:extLst>
            <c:ext xmlns:c16="http://schemas.microsoft.com/office/drawing/2014/chart" uri="{C3380CC4-5D6E-409C-BE32-E72D297353CC}">
              <c16:uniqueId val="{00000013-DA91-46F1-9EAD-AF12F5A9FEB1}"/>
            </c:ext>
          </c:extLst>
        </c:ser>
        <c:dLbls>
          <c:showLegendKey val="0"/>
          <c:showVal val="1"/>
          <c:showCatName val="0"/>
          <c:showSerName val="0"/>
          <c:showPercent val="0"/>
          <c:showBubbleSize val="0"/>
        </c:dLbls>
        <c:axId val="84219776"/>
        <c:axId val="84234240"/>
      </c:scatterChart>
      <c:valAx>
        <c:axId val="84219776"/>
        <c:scaling>
          <c:orientation val="maxMin"/>
          <c:max val="3.7"/>
          <c:min val="3.2"/>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2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は類似団体と比較して低い水準にあり、近年横ばいとなっている。</a:t>
          </a:r>
        </a:p>
        <a:p>
          <a:r>
            <a:rPr kumimoji="1" lang="ja-JP" altLang="en-US" sz="1400">
              <a:latin typeface="ＭＳ ゴシック" pitchFamily="49" charset="-128"/>
              <a:ea typeface="ＭＳ ゴシック" pitchFamily="49" charset="-128"/>
            </a:rPr>
            <a:t>　令和３年度は、算入公債費等が増加し、公営企業債の元利償還金に対する繰入金及び元利償還金も減少したことなどから、前年度と同値になった。</a:t>
          </a:r>
        </a:p>
        <a:p>
          <a:r>
            <a:rPr kumimoji="1" lang="ja-JP" altLang="en-US" sz="1400">
              <a:latin typeface="ＭＳ ゴシック" pitchFamily="49" charset="-128"/>
              <a:ea typeface="ＭＳ ゴシック" pitchFamily="49" charset="-128"/>
            </a:rPr>
            <a:t>　後年度負担を考慮した事業執行及び起債管理を行い、適正な水準の維持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なし</a:t>
          </a:r>
          <a:endParaRPr kumimoji="1" lang="en-US" altLang="ja-JP" sz="1000">
            <a:latin typeface="ＭＳ ゴシック" pitchFamily="49" charset="-128"/>
            <a:ea typeface="ＭＳ ゴシック" pitchFamily="49" charset="-128"/>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比率は類似団体と比較して低い水準にある。</a:t>
          </a:r>
        </a:p>
        <a:p>
          <a:r>
            <a:rPr kumimoji="1" lang="ja-JP" altLang="en-US" sz="1400">
              <a:latin typeface="ＭＳ ゴシック" pitchFamily="49" charset="-128"/>
              <a:ea typeface="ＭＳ ゴシック" pitchFamily="49" charset="-128"/>
            </a:rPr>
            <a:t>　令和３年度においては、前年度に続き０となったが、将来負担額は減少したものの、充当可能財源も減少した。</a:t>
          </a:r>
        </a:p>
        <a:p>
          <a:r>
            <a:rPr kumimoji="1" lang="ja-JP" altLang="en-US" sz="1400">
              <a:latin typeface="ＭＳ ゴシック" pitchFamily="49" charset="-128"/>
              <a:ea typeface="ＭＳ ゴシック" pitchFamily="49" charset="-128"/>
            </a:rPr>
            <a:t>　今後も後世への負担を少しでも軽減できるように適切な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鎌倉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mn-lt"/>
              <a:ea typeface="+mn-ea"/>
              <a:cs typeface="+mn-cs"/>
            </a:rPr>
            <a:t>（増減理由）</a:t>
          </a:r>
          <a:endParaRPr lang="ja-JP" altLang="ja-JP" sz="1300">
            <a:effectLst/>
          </a:endParaRPr>
        </a:p>
        <a:p>
          <a:r>
            <a:rPr kumimoji="1" lang="ja-JP" altLang="ja-JP" sz="1300">
              <a:solidFill>
                <a:schemeClr val="dk1"/>
              </a:solidFill>
              <a:effectLst/>
              <a:latin typeface="+mn-lt"/>
              <a:ea typeface="+mn-ea"/>
              <a:cs typeface="+mn-cs"/>
            </a:rPr>
            <a:t>　その他特定目的基金は、</a:t>
          </a:r>
          <a:r>
            <a:rPr kumimoji="1" lang="ja-JP" altLang="en-US" sz="1300">
              <a:solidFill>
                <a:schemeClr val="dk1"/>
              </a:solidFill>
              <a:effectLst/>
              <a:latin typeface="+mn-lt"/>
              <a:ea typeface="+mn-ea"/>
              <a:cs typeface="+mn-cs"/>
            </a:rPr>
            <a:t>本庁舎整備</a:t>
          </a:r>
          <a:r>
            <a:rPr kumimoji="1" lang="ja-JP" altLang="ja-JP" sz="1300">
              <a:solidFill>
                <a:schemeClr val="dk1"/>
              </a:solidFill>
              <a:effectLst/>
              <a:latin typeface="+mn-lt"/>
              <a:ea typeface="+mn-ea"/>
              <a:cs typeface="+mn-cs"/>
            </a:rPr>
            <a:t>基金など</a:t>
          </a:r>
          <a:r>
            <a:rPr kumimoji="1" lang="ja-JP" altLang="en-US" sz="1300">
              <a:solidFill>
                <a:schemeClr val="dk1"/>
              </a:solidFill>
              <a:effectLst/>
              <a:latin typeface="+mn-lt"/>
              <a:ea typeface="+mn-ea"/>
              <a:cs typeface="+mn-cs"/>
            </a:rPr>
            <a:t>の増</a:t>
          </a:r>
          <a:r>
            <a:rPr kumimoji="1" lang="ja-JP" altLang="ja-JP" sz="1300">
              <a:solidFill>
                <a:schemeClr val="dk1"/>
              </a:solidFill>
              <a:effectLst/>
              <a:latin typeface="+mn-lt"/>
              <a:ea typeface="+mn-ea"/>
              <a:cs typeface="+mn-cs"/>
            </a:rPr>
            <a:t>により、</a:t>
          </a:r>
          <a:r>
            <a:rPr kumimoji="1" lang="ja-JP" altLang="en-US" sz="1300">
              <a:solidFill>
                <a:schemeClr val="dk1"/>
              </a:solidFill>
              <a:effectLst/>
              <a:latin typeface="+mn-lt"/>
              <a:ea typeface="+mn-ea"/>
              <a:cs typeface="+mn-cs"/>
            </a:rPr>
            <a:t>さらに</a:t>
          </a:r>
          <a:r>
            <a:rPr kumimoji="1" lang="ja-JP" altLang="ja-JP" sz="1300">
              <a:solidFill>
                <a:schemeClr val="dk1"/>
              </a:solidFill>
              <a:effectLst/>
              <a:latin typeface="+mn-lt"/>
              <a:ea typeface="+mn-ea"/>
              <a:cs typeface="+mn-cs"/>
            </a:rPr>
            <a:t>財政調整基金は取崩額よりも積立額が上回ったため増となり、全体で約</a:t>
          </a:r>
          <a:r>
            <a:rPr kumimoji="1" lang="en-US" altLang="ja-JP" sz="1300">
              <a:solidFill>
                <a:schemeClr val="dk1"/>
              </a:solidFill>
              <a:effectLst/>
              <a:latin typeface="+mn-lt"/>
              <a:ea typeface="+mn-ea"/>
              <a:cs typeface="+mn-cs"/>
            </a:rPr>
            <a:t>20</a:t>
          </a:r>
          <a:r>
            <a:rPr kumimoji="1" lang="ja-JP" altLang="ja-JP" sz="1300">
              <a:solidFill>
                <a:schemeClr val="dk1"/>
              </a:solidFill>
              <a:effectLst/>
              <a:latin typeface="+mn-lt"/>
              <a:ea typeface="+mn-ea"/>
              <a:cs typeface="+mn-cs"/>
            </a:rPr>
            <a:t>億円の増となった。</a:t>
          </a:r>
          <a:endParaRPr kumimoji="1" lang="en-US" altLang="ja-JP" sz="1300">
            <a:solidFill>
              <a:schemeClr val="dk1"/>
            </a:solidFill>
            <a:effectLst/>
            <a:latin typeface="+mn-lt"/>
            <a:ea typeface="+mn-ea"/>
            <a:cs typeface="+mn-cs"/>
          </a:endParaRPr>
        </a:p>
        <a:p>
          <a:endParaRPr kumimoji="1" lang="en-US" altLang="ja-JP" sz="1300">
            <a:solidFill>
              <a:schemeClr val="dk1"/>
            </a:solidFill>
            <a:effectLst/>
            <a:latin typeface="+mn-lt"/>
            <a:ea typeface="+mn-ea"/>
            <a:cs typeface="+mn-cs"/>
          </a:endParaRPr>
        </a:p>
        <a:p>
          <a:endParaRPr kumimoji="1" lang="en-US" altLang="ja-JP" sz="1300">
            <a:solidFill>
              <a:schemeClr val="dk1"/>
            </a:solidFill>
            <a:effectLst/>
            <a:latin typeface="+mn-lt"/>
            <a:ea typeface="+mn-ea"/>
            <a:cs typeface="+mn-cs"/>
          </a:endParaRPr>
        </a:p>
        <a:p>
          <a:endParaRPr kumimoji="1" lang="en-US" altLang="ja-JP" sz="1300">
            <a:solidFill>
              <a:schemeClr val="dk1"/>
            </a:solidFill>
            <a:effectLst/>
            <a:latin typeface="+mn-lt"/>
            <a:ea typeface="+mn-ea"/>
            <a:cs typeface="+mn-cs"/>
          </a:endParaRPr>
        </a:p>
        <a:p>
          <a:endParaRPr kumimoji="1" lang="en-US" altLang="ja-JP" sz="1300">
            <a:solidFill>
              <a:schemeClr val="dk1"/>
            </a:solidFill>
            <a:effectLst/>
            <a:latin typeface="+mn-lt"/>
            <a:ea typeface="+mn-ea"/>
            <a:cs typeface="+mn-cs"/>
          </a:endParaRPr>
        </a:p>
        <a:p>
          <a:endParaRPr lang="ja-JP" altLang="ja-JP" sz="1300">
            <a:effectLst/>
          </a:endParaRPr>
        </a:p>
        <a:p>
          <a:r>
            <a:rPr kumimoji="1" lang="ja-JP" altLang="ja-JP" sz="1300">
              <a:solidFill>
                <a:schemeClr val="dk1"/>
              </a:solidFill>
              <a:effectLst/>
              <a:latin typeface="+mn-lt"/>
              <a:ea typeface="+mn-ea"/>
              <a:cs typeface="+mn-cs"/>
            </a:rPr>
            <a:t>（今後の方針）</a:t>
          </a:r>
          <a:endParaRPr lang="ja-JP" altLang="ja-JP" sz="1300">
            <a:effectLst/>
          </a:endParaRPr>
        </a:p>
        <a:p>
          <a:r>
            <a:rPr kumimoji="1" lang="ja-JP" altLang="ja-JP" sz="1300">
              <a:solidFill>
                <a:schemeClr val="dk1"/>
              </a:solidFill>
              <a:effectLst/>
              <a:latin typeface="+mn-lt"/>
              <a:ea typeface="+mn-ea"/>
              <a:cs typeface="+mn-cs"/>
            </a:rPr>
            <a:t>　平成</a:t>
          </a:r>
          <a:r>
            <a:rPr kumimoji="1" lang="en-US" altLang="ja-JP" sz="1300">
              <a:solidFill>
                <a:schemeClr val="dk1"/>
              </a:solidFill>
              <a:effectLst/>
              <a:latin typeface="+mn-lt"/>
              <a:ea typeface="+mn-ea"/>
              <a:cs typeface="+mn-cs"/>
            </a:rPr>
            <a:t>29</a:t>
          </a:r>
          <a:r>
            <a:rPr kumimoji="1" lang="ja-JP" altLang="ja-JP" sz="1300">
              <a:solidFill>
                <a:schemeClr val="dk1"/>
              </a:solidFill>
              <a:effectLst/>
              <a:latin typeface="+mn-lt"/>
              <a:ea typeface="+mn-ea"/>
              <a:cs typeface="+mn-cs"/>
            </a:rPr>
            <a:t>年度に新規創設した本庁舎整備基金が増となることが考えられるが、引き続き、財政調整基金とその他特定目的基金のバランスを考慮しつつ、適正な基金の運用に努める。</a:t>
          </a:r>
          <a:endParaRPr lang="ja-JP" altLang="ja-JP" sz="13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mn-lt"/>
              <a:ea typeface="+mn-ea"/>
              <a:cs typeface="+mn-cs"/>
            </a:rPr>
            <a:t>（基金の使途）</a:t>
          </a:r>
          <a:endParaRPr kumimoji="1" lang="en-US" altLang="ja-JP" sz="1300">
            <a:solidFill>
              <a:schemeClr val="dk1"/>
            </a:solidFill>
            <a:effectLst/>
            <a:latin typeface="+mn-lt"/>
            <a:ea typeface="+mn-ea"/>
            <a:cs typeface="+mn-cs"/>
          </a:endParaRPr>
        </a:p>
        <a:p>
          <a:r>
            <a:rPr lang="ja-JP" altLang="en-US" sz="1300">
              <a:effectLst/>
            </a:rPr>
            <a:t>　本庁舎整備基金：市役所本庁舎の整備。</a:t>
          </a:r>
        </a:p>
        <a:p>
          <a:r>
            <a:rPr kumimoji="0" lang="ja-JP" altLang="en-US" sz="1300">
              <a:solidFill>
                <a:schemeClr val="dk1"/>
              </a:solidFill>
              <a:effectLst/>
              <a:latin typeface="+mn-lt"/>
              <a:ea typeface="+mn-ea"/>
              <a:cs typeface="+mn-cs"/>
            </a:rPr>
            <a:t>　</a:t>
          </a:r>
          <a:r>
            <a:rPr kumimoji="1" lang="ja-JP" altLang="ja-JP" sz="1300">
              <a:solidFill>
                <a:schemeClr val="dk1"/>
              </a:solidFill>
              <a:effectLst/>
              <a:latin typeface="+mn-lt"/>
              <a:ea typeface="+mn-ea"/>
              <a:cs typeface="+mn-cs"/>
            </a:rPr>
            <a:t>教育文化施設建設等基金：教育文化施設の建設又は整備。</a:t>
          </a:r>
          <a:endParaRPr lang="ja-JP" altLang="ja-JP" sz="1300">
            <a:effectLst/>
          </a:endParaRPr>
        </a:p>
        <a:p>
          <a:r>
            <a:rPr kumimoji="1" lang="ja-JP" altLang="ja-JP" sz="1300">
              <a:solidFill>
                <a:schemeClr val="dk1"/>
              </a:solidFill>
              <a:effectLst/>
              <a:latin typeface="+mn-lt"/>
              <a:ea typeface="+mn-ea"/>
              <a:cs typeface="+mn-cs"/>
            </a:rPr>
            <a:t>　一般廃棄物処理施設建設基金：一般廃棄物処理施設の建設。</a:t>
          </a:r>
          <a:endParaRPr lang="ja-JP" altLang="ja-JP" sz="1300">
            <a:effectLst/>
          </a:endParaRPr>
        </a:p>
        <a:p>
          <a:r>
            <a:rPr kumimoji="1" lang="ja-JP" altLang="ja-JP" sz="1300">
              <a:solidFill>
                <a:schemeClr val="dk1"/>
              </a:solidFill>
              <a:effectLst/>
              <a:latin typeface="+mn-lt"/>
              <a:ea typeface="+mn-ea"/>
              <a:cs typeface="+mn-cs"/>
            </a:rPr>
            <a:t>　公共公益施設整備基金：開発事業に伴う寄付金を積立て、教育施設、社会福祉施設その他の公共公益施設の整備の充実。</a:t>
          </a:r>
          <a:endParaRPr lang="ja-JP" altLang="ja-JP" sz="1300">
            <a:effectLst/>
          </a:endParaRPr>
        </a:p>
        <a:p>
          <a:r>
            <a:rPr kumimoji="1" lang="ja-JP" altLang="ja-JP" sz="1300">
              <a:solidFill>
                <a:schemeClr val="dk1"/>
              </a:solidFill>
              <a:effectLst/>
              <a:latin typeface="+mn-lt"/>
              <a:ea typeface="+mn-ea"/>
              <a:cs typeface="+mn-cs"/>
            </a:rPr>
            <a:t>　</a:t>
          </a:r>
          <a:r>
            <a:rPr kumimoji="1" lang="ja-JP" altLang="en-US" sz="1300">
              <a:solidFill>
                <a:schemeClr val="dk1"/>
              </a:solidFill>
              <a:effectLst/>
              <a:latin typeface="+mn-lt"/>
              <a:ea typeface="+mn-ea"/>
              <a:cs typeface="+mn-cs"/>
            </a:rPr>
            <a:t>スポーツ施設基金</a:t>
          </a:r>
          <a:r>
            <a:rPr kumimoji="1" lang="ja-JP" altLang="ja-JP" sz="1300">
              <a:solidFill>
                <a:schemeClr val="dk1"/>
              </a:solidFill>
              <a:effectLst/>
              <a:latin typeface="+mn-lt"/>
              <a:ea typeface="+mn-ea"/>
              <a:cs typeface="+mn-cs"/>
            </a:rPr>
            <a:t>：</a:t>
          </a:r>
          <a:r>
            <a:rPr kumimoji="1" lang="ja-JP" altLang="en-US" sz="1300">
              <a:solidFill>
                <a:schemeClr val="dk1"/>
              </a:solidFill>
              <a:effectLst/>
              <a:latin typeface="+mn-lt"/>
              <a:ea typeface="+mn-ea"/>
              <a:cs typeface="+mn-cs"/>
            </a:rPr>
            <a:t>スポーツ施設の建設や管理</a:t>
          </a:r>
          <a:r>
            <a:rPr kumimoji="1" lang="ja-JP" altLang="ja-JP" sz="1300">
              <a:solidFill>
                <a:schemeClr val="dk1"/>
              </a:solidFill>
              <a:effectLst/>
              <a:latin typeface="+mn-lt"/>
              <a:ea typeface="+mn-ea"/>
              <a:cs typeface="+mn-cs"/>
            </a:rPr>
            <a:t>。</a:t>
          </a:r>
          <a:endParaRPr kumimoji="1" lang="en-US" altLang="ja-JP" sz="1300">
            <a:solidFill>
              <a:schemeClr val="dk1"/>
            </a:solidFill>
            <a:effectLst/>
            <a:latin typeface="+mn-lt"/>
            <a:ea typeface="+mn-ea"/>
            <a:cs typeface="+mn-cs"/>
          </a:endParaRPr>
        </a:p>
        <a:p>
          <a:r>
            <a:rPr kumimoji="1" lang="ja-JP" altLang="en-US" sz="1300">
              <a:solidFill>
                <a:schemeClr val="dk1"/>
              </a:solidFill>
              <a:effectLst/>
              <a:latin typeface="+mn-lt"/>
              <a:ea typeface="+mn-ea"/>
              <a:cs typeface="+mn-cs"/>
            </a:rPr>
            <a:t>　</a:t>
          </a:r>
          <a:r>
            <a:rPr kumimoji="1" lang="ja-JP" altLang="ja-JP" sz="1300">
              <a:solidFill>
                <a:schemeClr val="dk1"/>
              </a:solidFill>
              <a:effectLst/>
              <a:latin typeface="+mn-lt"/>
              <a:ea typeface="+mn-ea"/>
              <a:cs typeface="+mn-cs"/>
            </a:rPr>
            <a:t>新型コロナウイルス感染症対策基金：新型コロナウイルス感染症対策。</a:t>
          </a:r>
          <a:endParaRPr lang="ja-JP" altLang="ja-JP" sz="1300">
            <a:effectLst/>
          </a:endParaRPr>
        </a:p>
        <a:p>
          <a:r>
            <a:rPr kumimoji="1" lang="ja-JP" altLang="ja-JP" sz="1300">
              <a:solidFill>
                <a:schemeClr val="dk1"/>
              </a:solidFill>
              <a:effectLst/>
              <a:latin typeface="+mn-lt"/>
              <a:ea typeface="+mn-ea"/>
              <a:cs typeface="+mn-cs"/>
            </a:rPr>
            <a:t>（増減理由）</a:t>
          </a:r>
          <a:endParaRPr lang="ja-JP" altLang="ja-JP" sz="1300">
            <a:effectLst/>
          </a:endParaRPr>
        </a:p>
        <a:p>
          <a:r>
            <a:rPr kumimoji="1" lang="ja-JP" altLang="ja-JP" sz="1300">
              <a:solidFill>
                <a:schemeClr val="dk1"/>
              </a:solidFill>
              <a:effectLst/>
              <a:latin typeface="+mn-lt"/>
              <a:ea typeface="+mn-ea"/>
              <a:cs typeface="+mn-cs"/>
            </a:rPr>
            <a:t>　</a:t>
          </a:r>
          <a:r>
            <a:rPr kumimoji="1" lang="ja-JP" altLang="en-US" sz="1300">
              <a:solidFill>
                <a:schemeClr val="dk1"/>
              </a:solidFill>
              <a:effectLst/>
              <a:latin typeface="+mn-lt"/>
              <a:ea typeface="+mn-ea"/>
              <a:cs typeface="+mn-cs"/>
            </a:rPr>
            <a:t>本庁舎整備基金及び一般廃棄物処理施設建設</a:t>
          </a:r>
          <a:r>
            <a:rPr kumimoji="1" lang="ja-JP" altLang="ja-JP" sz="1300">
              <a:solidFill>
                <a:schemeClr val="dk1"/>
              </a:solidFill>
              <a:effectLst/>
              <a:latin typeface="+mn-lt"/>
              <a:ea typeface="+mn-ea"/>
              <a:cs typeface="+mn-cs"/>
            </a:rPr>
            <a:t>基金の増などによる。</a:t>
          </a:r>
          <a:endParaRPr lang="ja-JP" altLang="ja-JP" sz="1300">
            <a:effectLst/>
          </a:endParaRPr>
        </a:p>
        <a:p>
          <a:r>
            <a:rPr kumimoji="1" lang="ja-JP" altLang="ja-JP" sz="1300">
              <a:solidFill>
                <a:schemeClr val="dk1"/>
              </a:solidFill>
              <a:effectLst/>
              <a:latin typeface="+mn-lt"/>
              <a:ea typeface="+mn-ea"/>
              <a:cs typeface="+mn-cs"/>
            </a:rPr>
            <a:t>（今後の方針）</a:t>
          </a:r>
          <a:endParaRPr lang="ja-JP" altLang="ja-JP" sz="1300">
            <a:effectLst/>
          </a:endParaRPr>
        </a:p>
        <a:p>
          <a:r>
            <a:rPr kumimoji="1" lang="ja-JP" altLang="ja-JP" sz="1300">
              <a:solidFill>
                <a:schemeClr val="dk1"/>
              </a:solidFill>
              <a:effectLst/>
              <a:latin typeface="+mn-lt"/>
              <a:ea typeface="+mn-ea"/>
              <a:cs typeface="+mn-cs"/>
            </a:rPr>
            <a:t>　それぞれの基金の目的を果たすため、適正な運用に努める。</a:t>
          </a:r>
          <a:endParaRPr lang="ja-JP" altLang="ja-JP" sz="1300">
            <a:effectLst/>
          </a:endParaRPr>
        </a:p>
        <a:p>
          <a:r>
            <a:rPr kumimoji="1" lang="ja-JP" altLang="ja-JP" sz="1300">
              <a:solidFill>
                <a:schemeClr val="dk1"/>
              </a:solidFill>
              <a:effectLst/>
              <a:latin typeface="+mn-lt"/>
              <a:ea typeface="+mn-ea"/>
              <a:cs typeface="+mn-cs"/>
            </a:rPr>
            <a:t>　本庁舎整備基金は、平成</a:t>
          </a:r>
          <a:r>
            <a:rPr kumimoji="1" lang="en-US" altLang="ja-JP" sz="1300">
              <a:solidFill>
                <a:schemeClr val="dk1"/>
              </a:solidFill>
              <a:effectLst/>
              <a:latin typeface="+mn-lt"/>
              <a:ea typeface="+mn-ea"/>
              <a:cs typeface="+mn-cs"/>
            </a:rPr>
            <a:t>29</a:t>
          </a:r>
          <a:r>
            <a:rPr kumimoji="1" lang="ja-JP" altLang="ja-JP" sz="1300">
              <a:solidFill>
                <a:schemeClr val="dk1"/>
              </a:solidFill>
              <a:effectLst/>
              <a:latin typeface="+mn-lt"/>
              <a:ea typeface="+mn-ea"/>
              <a:cs typeface="+mn-cs"/>
            </a:rPr>
            <a:t>年度に新規創設し、本庁舎整備までの間、積み立てを実施する予定のため、今後も増が見込まれる。</a:t>
          </a:r>
          <a:endParaRPr lang="ja-JP" altLang="ja-JP" sz="1300">
            <a:effectLst/>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mn-lt"/>
              <a:ea typeface="+mn-ea"/>
              <a:cs typeface="+mn-cs"/>
            </a:rPr>
            <a:t>（増減理由）</a:t>
          </a:r>
          <a:endParaRPr lang="ja-JP" altLang="ja-JP" sz="1300">
            <a:effectLst/>
          </a:endParaRPr>
        </a:p>
        <a:p>
          <a:r>
            <a:rPr kumimoji="1" lang="ja-JP" altLang="ja-JP" sz="1300">
              <a:solidFill>
                <a:schemeClr val="dk1"/>
              </a:solidFill>
              <a:effectLst/>
              <a:latin typeface="+mn-lt"/>
              <a:ea typeface="+mn-ea"/>
              <a:cs typeface="+mn-cs"/>
            </a:rPr>
            <a:t>　令和</a:t>
          </a:r>
          <a:r>
            <a:rPr kumimoji="1" lang="ja-JP" altLang="en-US" sz="1300">
              <a:solidFill>
                <a:schemeClr val="dk1"/>
              </a:solidFill>
              <a:effectLst/>
              <a:latin typeface="+mn-lt"/>
              <a:ea typeface="+mn-ea"/>
              <a:cs typeface="+mn-cs"/>
            </a:rPr>
            <a:t>３</a:t>
          </a:r>
          <a:r>
            <a:rPr kumimoji="1" lang="ja-JP" altLang="ja-JP" sz="1300">
              <a:solidFill>
                <a:schemeClr val="dk1"/>
              </a:solidFill>
              <a:effectLst/>
              <a:latin typeface="+mn-lt"/>
              <a:ea typeface="+mn-ea"/>
              <a:cs typeface="+mn-cs"/>
            </a:rPr>
            <a:t>年度は、剰余金の増により積立額が増となったことや新型コロナウイルスの影響により、不急事業の見直しや先送りを行ったことなどから取り崩し額が減少したため、残高が増加した。 </a:t>
          </a:r>
          <a:endParaRPr lang="ja-JP" altLang="ja-JP" sz="1300">
            <a:effectLst/>
          </a:endParaRPr>
        </a:p>
        <a:p>
          <a:r>
            <a:rPr kumimoji="1" lang="ja-JP" altLang="ja-JP" sz="1300">
              <a:solidFill>
                <a:schemeClr val="dk1"/>
              </a:solidFill>
              <a:effectLst/>
              <a:latin typeface="+mn-lt"/>
              <a:ea typeface="+mn-ea"/>
              <a:cs typeface="+mn-cs"/>
            </a:rPr>
            <a:t>（今後の方針）</a:t>
          </a:r>
          <a:endParaRPr lang="ja-JP" altLang="ja-JP" sz="1300">
            <a:effectLst/>
          </a:endParaRPr>
        </a:p>
        <a:p>
          <a:r>
            <a:rPr kumimoji="1" lang="ja-JP" altLang="ja-JP" sz="1300">
              <a:solidFill>
                <a:schemeClr val="dk1"/>
              </a:solidFill>
              <a:effectLst/>
              <a:latin typeface="+mn-lt"/>
              <a:ea typeface="+mn-ea"/>
              <a:cs typeface="+mn-cs"/>
            </a:rPr>
            <a:t>　災害など不足の事態に備えるため、財政調整基金の残高は、標準財政規模の</a:t>
          </a:r>
          <a:r>
            <a:rPr kumimoji="1" lang="en-US" altLang="ja-JP" sz="1300">
              <a:solidFill>
                <a:schemeClr val="dk1"/>
              </a:solidFill>
              <a:effectLst/>
              <a:latin typeface="+mn-lt"/>
              <a:ea typeface="+mn-ea"/>
              <a:cs typeface="+mn-cs"/>
            </a:rPr>
            <a:t>10</a:t>
          </a:r>
          <a:r>
            <a:rPr kumimoji="1" lang="ja-JP" altLang="ja-JP" sz="1300">
              <a:solidFill>
                <a:schemeClr val="dk1"/>
              </a:solidFill>
              <a:effectLst/>
              <a:latin typeface="+mn-lt"/>
              <a:ea typeface="+mn-ea"/>
              <a:cs typeface="+mn-cs"/>
            </a:rPr>
            <a:t>％程度は維持する必要があると考えている。</a:t>
          </a:r>
          <a:endParaRPr lang="ja-JP" altLang="ja-JP" sz="1300">
            <a:effectLst/>
          </a:endParaRPr>
        </a:p>
        <a:p>
          <a:r>
            <a:rPr kumimoji="1" lang="ja-JP" altLang="ja-JP" sz="1300">
              <a:solidFill>
                <a:schemeClr val="dk1"/>
              </a:solidFill>
              <a:effectLst/>
              <a:latin typeface="+mn-lt"/>
              <a:ea typeface="+mn-ea"/>
              <a:cs typeface="+mn-cs"/>
            </a:rPr>
            <a:t>　また、計画的な基金の運用に努め、適正な基金の残高を保つよう努めることとしている。</a:t>
          </a:r>
          <a:endParaRPr lang="ja-JP" altLang="ja-JP" sz="1300">
            <a:effectLst/>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mn-lt"/>
              <a:ea typeface="+mn-ea"/>
              <a:cs typeface="+mn-cs"/>
            </a:rPr>
            <a:t>（増減理由）</a:t>
          </a:r>
          <a:endParaRPr lang="ja-JP" altLang="ja-JP" sz="1300">
            <a:effectLst/>
          </a:endParaRPr>
        </a:p>
        <a:p>
          <a:r>
            <a:rPr kumimoji="1" lang="ja-JP" altLang="ja-JP" sz="1300">
              <a:solidFill>
                <a:schemeClr val="dk1"/>
              </a:solidFill>
              <a:effectLst/>
              <a:latin typeface="+mn-lt"/>
              <a:ea typeface="+mn-ea"/>
              <a:cs typeface="+mn-cs"/>
            </a:rPr>
            <a:t>なし</a:t>
          </a:r>
          <a:endParaRPr lang="ja-JP" altLang="ja-JP" sz="1300">
            <a:effectLst/>
          </a:endParaRPr>
        </a:p>
        <a:p>
          <a:r>
            <a:rPr kumimoji="1" lang="ja-JP" altLang="ja-JP" sz="1300">
              <a:solidFill>
                <a:schemeClr val="dk1"/>
              </a:solidFill>
              <a:effectLst/>
              <a:latin typeface="+mn-lt"/>
              <a:ea typeface="+mn-ea"/>
              <a:cs typeface="+mn-cs"/>
            </a:rPr>
            <a:t>（今後の方針）</a:t>
          </a:r>
          <a:endParaRPr lang="ja-JP" altLang="ja-JP" sz="1300">
            <a:effectLst/>
          </a:endParaRPr>
        </a:p>
        <a:p>
          <a:r>
            <a:rPr kumimoji="1" lang="ja-JP" altLang="ja-JP" sz="1300">
              <a:solidFill>
                <a:schemeClr val="dk1"/>
              </a:solidFill>
              <a:effectLst/>
              <a:latin typeface="+mn-lt"/>
              <a:ea typeface="+mn-ea"/>
              <a:cs typeface="+mn-cs"/>
            </a:rPr>
            <a:t>なし</a:t>
          </a:r>
          <a:endParaRPr lang="ja-JP" altLang="ja-JP" sz="13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9D835866-B667-4526-8D5B-46E5F9A09B4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BD215F0-36A6-46C3-A991-16C5328096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EBE6DC47-88B8-4385-8602-30BDF729157B}"/>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25E877EF-87E3-4D55-BE74-3474264C8D6E}"/>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C5D1E818-B3E7-488F-88A2-D02ECCC66281}"/>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F22C7B72-DEA8-43C4-8EB3-2FFA2586E099}"/>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9F852553-0C75-4331-B21E-7D4280A74587}"/>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75B85D2D-5EDD-460C-A1CD-8E32F79C5EB1}"/>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DDD54B32-7904-41FE-8857-06FC696DEB72}"/>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91EADAB8-B423-4365-AC05-A8B4499337EF}"/>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3B5C7C2F-FC2A-4FE6-AE0A-E722725CBE19}"/>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165D7D03-D29F-48C8-86E2-2FB5B79427CE}"/>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E55ADA2D-DA9C-4614-8E45-493801D0BE30}"/>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897862BF-E865-4E73-B2AE-863422D0E2CA}"/>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8E0FCF37-52F2-49F1-B475-85034E72802E}"/>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4BBA5EA1-2C4F-4110-A19B-093C982A8201}"/>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DC7527E7-2B01-43F8-9233-22BFBBD1E536}"/>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0708A0FE-A49C-4419-9ABE-E5570DC2E313}"/>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954456ED-B3B6-4A3A-93DF-34C53FBE922A}"/>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45116ADD-92FE-4AA9-833F-F8A5B1D2915E}"/>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491EC993-A92A-429C-8282-BAAD8E991041}"/>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661CF6F3-1ED7-48AA-95E6-06934CEC48DF}"/>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1
175,421
39.66
69,868,970
64,948,417
4,560,901
36,532,544
31,933,37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5974A848-5069-4F71-B333-86684B4A58DA}"/>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C0B9549D-D4D3-4844-9A5F-4B9AC8D7D86A}"/>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45477707-2CF6-45F5-A003-BCE9F34C2655}"/>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4180AEF2-FD0B-43C5-8EDE-4699FE62BEAB}"/>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23EC2E31-56D7-433E-BCAE-5AFA6C8CE64B}"/>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00E07CFC-375C-4ACD-8B03-4014E08DFD56}"/>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E5199C07-A543-4CC2-84F2-EEB6306EE0F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2FA22A8A-5ED4-425E-B07D-11B7F018276D}"/>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DF79A616-615C-4720-8912-72C94A9280A2}"/>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1F9CE395-02B1-487C-B587-A07AFFEE2A94}"/>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02511E4A-E49A-43EB-8AF2-4B78B063017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49E1D91E-903D-4908-B448-07B3BF9B98A2}"/>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9B1D594A-C396-467D-9C88-7EEAD1329FB3}"/>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25001AAD-9C9C-405F-BEC9-30483D73383C}"/>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2A241724-C4BB-45CD-866C-906A581BCCAA}"/>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44B6084A-8D4F-4176-8D3F-3E860EEEC1BD}"/>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13C8F7F7-0D1C-46C9-82B9-8015A39FD895}"/>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C8A57269-12DD-46F9-87B3-8D444DF3A353}"/>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5E468BC7-3362-4BBC-9395-2C535C78292C}"/>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A4DC6DA1-B3BF-498C-90B8-3F6A0CD823C6}"/>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id="{B32D92C0-FCA5-4440-B786-4C1399293F45}"/>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D81C7BD4-7AE8-4579-833E-277FA0617370}"/>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B5A2593E-9892-4D89-921E-7ED2577D7C9B}"/>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0CD5D1FE-5A68-4296-8EBA-193B8120A5C5}"/>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E2E9D849-614D-4174-BDEA-1BC81585BAB5}"/>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4.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F0E59091-E949-42A9-A478-A0B5BF0BAC35}"/>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77597175-30A5-4CE7-8DDE-F8B908FDB8EE}"/>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074BA907-AAD6-4043-AFD5-CA7410AEFB9E}"/>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A1F7BD79-0238-4060-96A2-09F168DAE63E}"/>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195B4F65-26D7-4D2A-9A1E-414F4D9F6059}"/>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8276A82E-1A75-40F8-8C3C-5FB8064CDA8D}"/>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3E8E1E34-F471-4EFF-ACD3-C94A988DF8D5}"/>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2CEFB0DE-E9F2-4108-903A-3D5013420D9C}"/>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DCC93621-0E3C-4B48-A3BF-539D7D57632F}"/>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86845899-0A34-4E5B-A31D-66EE2CBA544F}"/>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鎌倉市では、老朽化した施設の改築更新や除却を進めている</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令和３年度では大規模な建築や改築等の執行が少なかったため、有形固定資産減価償却率が上昇した。</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今後も、公共施設再編計画等に基づき、施設の維持管理を適切に進めていくことが必要である。</a:t>
          </a:r>
        </a:p>
        <a:p>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55FBEF23-B183-4637-815E-E7A9FB78AF49}"/>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5520585C-6703-4ABD-BEAC-BD598688F6C5}"/>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id="{CF8B9E4A-E61D-4BFB-87E9-8276A395B71E}"/>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2" name="直線コネクタ 61">
          <a:extLst>
            <a:ext uri="{FF2B5EF4-FFF2-40B4-BE49-F238E27FC236}">
              <a16:creationId xmlns:a16="http://schemas.microsoft.com/office/drawing/2014/main" id="{DF41CE59-7124-4910-8F7C-0D13484996AA}"/>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3" name="テキスト ボックス 62">
          <a:extLst>
            <a:ext uri="{FF2B5EF4-FFF2-40B4-BE49-F238E27FC236}">
              <a16:creationId xmlns:a16="http://schemas.microsoft.com/office/drawing/2014/main" id="{FB7A866F-1316-4A61-9AD5-2C5956936D5E}"/>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4" name="直線コネクタ 63">
          <a:extLst>
            <a:ext uri="{FF2B5EF4-FFF2-40B4-BE49-F238E27FC236}">
              <a16:creationId xmlns:a16="http://schemas.microsoft.com/office/drawing/2014/main" id="{2FE32021-8782-4250-A9FD-0004F4074D03}"/>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5" name="テキスト ボックス 64">
          <a:extLst>
            <a:ext uri="{FF2B5EF4-FFF2-40B4-BE49-F238E27FC236}">
              <a16:creationId xmlns:a16="http://schemas.microsoft.com/office/drawing/2014/main" id="{923E5D09-8718-49FC-9CB4-2393A8DD2DA4}"/>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6" name="直線コネクタ 65">
          <a:extLst>
            <a:ext uri="{FF2B5EF4-FFF2-40B4-BE49-F238E27FC236}">
              <a16:creationId xmlns:a16="http://schemas.microsoft.com/office/drawing/2014/main" id="{CFBCACF3-80CC-436E-B998-189C293C1A3D}"/>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7" name="テキスト ボックス 66">
          <a:extLst>
            <a:ext uri="{FF2B5EF4-FFF2-40B4-BE49-F238E27FC236}">
              <a16:creationId xmlns:a16="http://schemas.microsoft.com/office/drawing/2014/main" id="{B8079197-4D83-4C67-91A3-C12E28638821}"/>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8" name="直線コネクタ 67">
          <a:extLst>
            <a:ext uri="{FF2B5EF4-FFF2-40B4-BE49-F238E27FC236}">
              <a16:creationId xmlns:a16="http://schemas.microsoft.com/office/drawing/2014/main" id="{E957BEA1-EC32-426E-ADE8-D36286CD2181}"/>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9" name="テキスト ボックス 68">
          <a:extLst>
            <a:ext uri="{FF2B5EF4-FFF2-40B4-BE49-F238E27FC236}">
              <a16:creationId xmlns:a16="http://schemas.microsoft.com/office/drawing/2014/main" id="{1162D7D4-DB08-4EF4-8A28-93B9508248F9}"/>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70" name="直線コネクタ 69">
          <a:extLst>
            <a:ext uri="{FF2B5EF4-FFF2-40B4-BE49-F238E27FC236}">
              <a16:creationId xmlns:a16="http://schemas.microsoft.com/office/drawing/2014/main" id="{E6E85E3F-EB2D-4926-8FF4-02B39B2B759D}"/>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71" name="テキスト ボックス 70">
          <a:extLst>
            <a:ext uri="{FF2B5EF4-FFF2-40B4-BE49-F238E27FC236}">
              <a16:creationId xmlns:a16="http://schemas.microsoft.com/office/drawing/2014/main" id="{B906B706-E50B-42ED-9A73-A5FA151CA151}"/>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a:extLst>
            <a:ext uri="{FF2B5EF4-FFF2-40B4-BE49-F238E27FC236}">
              <a16:creationId xmlns:a16="http://schemas.microsoft.com/office/drawing/2014/main" id="{DE676F4E-6474-4B6B-AF85-EB54A943D037}"/>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3" name="テキスト ボックス 72">
          <a:extLst>
            <a:ext uri="{FF2B5EF4-FFF2-40B4-BE49-F238E27FC236}">
              <a16:creationId xmlns:a16="http://schemas.microsoft.com/office/drawing/2014/main" id="{7E920948-8AD0-487C-ABE8-B6C5916F8FC7}"/>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a:extLst>
            <a:ext uri="{FF2B5EF4-FFF2-40B4-BE49-F238E27FC236}">
              <a16:creationId xmlns:a16="http://schemas.microsoft.com/office/drawing/2014/main" id="{FA19CC32-17B8-4A89-9D48-1FB079588867}"/>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92075</xdr:rowOff>
    </xdr:from>
    <xdr:to>
      <xdr:col>23</xdr:col>
      <xdr:colOff>85090</xdr:colOff>
      <xdr:row>34</xdr:row>
      <xdr:rowOff>68580</xdr:rowOff>
    </xdr:to>
    <xdr:cxnSp macro="">
      <xdr:nvCxnSpPr>
        <xdr:cNvPr id="75" name="直線コネクタ 74">
          <a:extLst>
            <a:ext uri="{FF2B5EF4-FFF2-40B4-BE49-F238E27FC236}">
              <a16:creationId xmlns:a16="http://schemas.microsoft.com/office/drawing/2014/main" id="{DA289794-60AB-48EF-8548-8DC6201BAF64}"/>
            </a:ext>
          </a:extLst>
        </xdr:cNvPr>
        <xdr:cNvCxnSpPr/>
      </xdr:nvCxnSpPr>
      <xdr:spPr>
        <a:xfrm flipV="1">
          <a:off x="4760595" y="5492750"/>
          <a:ext cx="1270" cy="1176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2407</xdr:rowOff>
    </xdr:from>
    <xdr:ext cx="405111" cy="259045"/>
    <xdr:sp macro="" textlink="">
      <xdr:nvSpPr>
        <xdr:cNvPr id="76" name="有形固定資産減価償却率最小値テキスト">
          <a:extLst>
            <a:ext uri="{FF2B5EF4-FFF2-40B4-BE49-F238E27FC236}">
              <a16:creationId xmlns:a16="http://schemas.microsoft.com/office/drawing/2014/main" id="{862C4F24-DC3B-47FD-B084-08364ED7360F}"/>
            </a:ext>
          </a:extLst>
        </xdr:cNvPr>
        <xdr:cNvSpPr txBox="1"/>
      </xdr:nvSpPr>
      <xdr:spPr>
        <a:xfrm>
          <a:off x="4813300" y="6673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68580</xdr:rowOff>
    </xdr:from>
    <xdr:to>
      <xdr:col>23</xdr:col>
      <xdr:colOff>174625</xdr:colOff>
      <xdr:row>34</xdr:row>
      <xdr:rowOff>68580</xdr:rowOff>
    </xdr:to>
    <xdr:cxnSp macro="">
      <xdr:nvCxnSpPr>
        <xdr:cNvPr id="77" name="直線コネクタ 76">
          <a:extLst>
            <a:ext uri="{FF2B5EF4-FFF2-40B4-BE49-F238E27FC236}">
              <a16:creationId xmlns:a16="http://schemas.microsoft.com/office/drawing/2014/main" id="{ADA85B89-8C03-4557-8308-910630566DB8}"/>
            </a:ext>
          </a:extLst>
        </xdr:cNvPr>
        <xdr:cNvCxnSpPr/>
      </xdr:nvCxnSpPr>
      <xdr:spPr>
        <a:xfrm>
          <a:off x="4673600" y="6669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38752</xdr:rowOff>
    </xdr:from>
    <xdr:ext cx="405111" cy="259045"/>
    <xdr:sp macro="" textlink="">
      <xdr:nvSpPr>
        <xdr:cNvPr id="78" name="有形固定資産減価償却率最大値テキスト">
          <a:extLst>
            <a:ext uri="{FF2B5EF4-FFF2-40B4-BE49-F238E27FC236}">
              <a16:creationId xmlns:a16="http://schemas.microsoft.com/office/drawing/2014/main" id="{B1FB0306-D4AC-4244-9E7F-F1B53442F17C}"/>
            </a:ext>
          </a:extLst>
        </xdr:cNvPr>
        <xdr:cNvSpPr txBox="1"/>
      </xdr:nvSpPr>
      <xdr:spPr>
        <a:xfrm>
          <a:off x="4813300" y="526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92075</xdr:rowOff>
    </xdr:from>
    <xdr:to>
      <xdr:col>23</xdr:col>
      <xdr:colOff>174625</xdr:colOff>
      <xdr:row>27</xdr:row>
      <xdr:rowOff>92075</xdr:rowOff>
    </xdr:to>
    <xdr:cxnSp macro="">
      <xdr:nvCxnSpPr>
        <xdr:cNvPr id="79" name="直線コネクタ 78">
          <a:extLst>
            <a:ext uri="{FF2B5EF4-FFF2-40B4-BE49-F238E27FC236}">
              <a16:creationId xmlns:a16="http://schemas.microsoft.com/office/drawing/2014/main" id="{CC3F2A8C-02C7-49D9-80FC-922277358B90}"/>
            </a:ext>
          </a:extLst>
        </xdr:cNvPr>
        <xdr:cNvCxnSpPr/>
      </xdr:nvCxnSpPr>
      <xdr:spPr>
        <a:xfrm>
          <a:off x="4673600" y="5492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65117</xdr:rowOff>
    </xdr:from>
    <xdr:ext cx="405111" cy="259045"/>
    <xdr:sp macro="" textlink="">
      <xdr:nvSpPr>
        <xdr:cNvPr id="80" name="有形固定資産減価償却率平均値テキスト">
          <a:extLst>
            <a:ext uri="{FF2B5EF4-FFF2-40B4-BE49-F238E27FC236}">
              <a16:creationId xmlns:a16="http://schemas.microsoft.com/office/drawing/2014/main" id="{E551DA86-88E9-43E8-946E-C5869B25E40C}"/>
            </a:ext>
          </a:extLst>
        </xdr:cNvPr>
        <xdr:cNvSpPr txBox="1"/>
      </xdr:nvSpPr>
      <xdr:spPr>
        <a:xfrm>
          <a:off x="4813300" y="59086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2240</xdr:rowOff>
    </xdr:from>
    <xdr:to>
      <xdr:col>23</xdr:col>
      <xdr:colOff>136525</xdr:colOff>
      <xdr:row>31</xdr:row>
      <xdr:rowOff>72390</xdr:rowOff>
    </xdr:to>
    <xdr:sp macro="" textlink="">
      <xdr:nvSpPr>
        <xdr:cNvPr id="81" name="フローチャート: 判断 80">
          <a:extLst>
            <a:ext uri="{FF2B5EF4-FFF2-40B4-BE49-F238E27FC236}">
              <a16:creationId xmlns:a16="http://schemas.microsoft.com/office/drawing/2014/main" id="{C6942CD4-C0B1-4F9E-ADC9-985ABC23349A}"/>
            </a:ext>
          </a:extLst>
        </xdr:cNvPr>
        <xdr:cNvSpPr/>
      </xdr:nvSpPr>
      <xdr:spPr>
        <a:xfrm>
          <a:off x="4711700" y="6057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2658</xdr:rowOff>
    </xdr:from>
    <xdr:to>
      <xdr:col>19</xdr:col>
      <xdr:colOff>187325</xdr:colOff>
      <xdr:row>31</xdr:row>
      <xdr:rowOff>32808</xdr:rowOff>
    </xdr:to>
    <xdr:sp macro="" textlink="">
      <xdr:nvSpPr>
        <xdr:cNvPr id="82" name="フローチャート: 判断 81">
          <a:extLst>
            <a:ext uri="{FF2B5EF4-FFF2-40B4-BE49-F238E27FC236}">
              <a16:creationId xmlns:a16="http://schemas.microsoft.com/office/drawing/2014/main" id="{FD3B151F-55F7-4D2F-A015-B32B8A4A1B05}"/>
            </a:ext>
          </a:extLst>
        </xdr:cNvPr>
        <xdr:cNvSpPr/>
      </xdr:nvSpPr>
      <xdr:spPr>
        <a:xfrm>
          <a:off x="40005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73872</xdr:rowOff>
    </xdr:from>
    <xdr:to>
      <xdr:col>15</xdr:col>
      <xdr:colOff>187325</xdr:colOff>
      <xdr:row>31</xdr:row>
      <xdr:rowOff>4022</xdr:rowOff>
    </xdr:to>
    <xdr:sp macro="" textlink="">
      <xdr:nvSpPr>
        <xdr:cNvPr id="83" name="フローチャート: 判断 82">
          <a:extLst>
            <a:ext uri="{FF2B5EF4-FFF2-40B4-BE49-F238E27FC236}">
              <a16:creationId xmlns:a16="http://schemas.microsoft.com/office/drawing/2014/main" id="{971D041A-B2FC-451F-BA09-8232830521DA}"/>
            </a:ext>
          </a:extLst>
        </xdr:cNvPr>
        <xdr:cNvSpPr/>
      </xdr:nvSpPr>
      <xdr:spPr>
        <a:xfrm>
          <a:off x="3238500" y="5988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45085</xdr:rowOff>
    </xdr:from>
    <xdr:to>
      <xdr:col>11</xdr:col>
      <xdr:colOff>187325</xdr:colOff>
      <xdr:row>30</xdr:row>
      <xdr:rowOff>146685</xdr:rowOff>
    </xdr:to>
    <xdr:sp macro="" textlink="">
      <xdr:nvSpPr>
        <xdr:cNvPr id="84" name="フローチャート: 判断 83">
          <a:extLst>
            <a:ext uri="{FF2B5EF4-FFF2-40B4-BE49-F238E27FC236}">
              <a16:creationId xmlns:a16="http://schemas.microsoft.com/office/drawing/2014/main" id="{822A9DA3-C32E-4D9F-8648-AD8AA64CACF0}"/>
            </a:ext>
          </a:extLst>
        </xdr:cNvPr>
        <xdr:cNvSpPr/>
      </xdr:nvSpPr>
      <xdr:spPr>
        <a:xfrm>
          <a:off x="2476500" y="596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27093</xdr:rowOff>
    </xdr:from>
    <xdr:to>
      <xdr:col>7</xdr:col>
      <xdr:colOff>187325</xdr:colOff>
      <xdr:row>30</xdr:row>
      <xdr:rowOff>128693</xdr:rowOff>
    </xdr:to>
    <xdr:sp macro="" textlink="">
      <xdr:nvSpPr>
        <xdr:cNvPr id="85" name="フローチャート: 判断 84">
          <a:extLst>
            <a:ext uri="{FF2B5EF4-FFF2-40B4-BE49-F238E27FC236}">
              <a16:creationId xmlns:a16="http://schemas.microsoft.com/office/drawing/2014/main" id="{831A47C6-5DAC-479B-A1D9-427BA9F18391}"/>
            </a:ext>
          </a:extLst>
        </xdr:cNvPr>
        <xdr:cNvSpPr/>
      </xdr:nvSpPr>
      <xdr:spPr>
        <a:xfrm>
          <a:off x="1714500" y="5942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6" name="テキスト ボックス 85">
          <a:extLst>
            <a:ext uri="{FF2B5EF4-FFF2-40B4-BE49-F238E27FC236}">
              <a16:creationId xmlns:a16="http://schemas.microsoft.com/office/drawing/2014/main" id="{241F4A4B-F76A-4E1A-A5B8-2F4E3B4F6560}"/>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id="{CB20803F-27F4-4F85-B47A-6B9E54341062}"/>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2E34D4CC-099F-4A49-8387-E2AF5AD8BF7C}"/>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54DFA0B3-8D72-42C8-A722-C9D07F163F57}"/>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20DDA1AE-820B-41F9-85EB-0DA3DB7D96B9}"/>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67945</xdr:rowOff>
    </xdr:from>
    <xdr:to>
      <xdr:col>23</xdr:col>
      <xdr:colOff>136525</xdr:colOff>
      <xdr:row>31</xdr:row>
      <xdr:rowOff>169545</xdr:rowOff>
    </xdr:to>
    <xdr:sp macro="" textlink="">
      <xdr:nvSpPr>
        <xdr:cNvPr id="91" name="楕円 90">
          <a:extLst>
            <a:ext uri="{FF2B5EF4-FFF2-40B4-BE49-F238E27FC236}">
              <a16:creationId xmlns:a16="http://schemas.microsoft.com/office/drawing/2014/main" id="{7DA36F18-83D4-43B6-886C-A8CCAC4636A3}"/>
            </a:ext>
          </a:extLst>
        </xdr:cNvPr>
        <xdr:cNvSpPr/>
      </xdr:nvSpPr>
      <xdr:spPr>
        <a:xfrm>
          <a:off x="4711700" y="6154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46372</xdr:rowOff>
    </xdr:from>
    <xdr:ext cx="405111" cy="259045"/>
    <xdr:sp macro="" textlink="">
      <xdr:nvSpPr>
        <xdr:cNvPr id="92" name="有形固定資産減価償却率該当値テキスト">
          <a:extLst>
            <a:ext uri="{FF2B5EF4-FFF2-40B4-BE49-F238E27FC236}">
              <a16:creationId xmlns:a16="http://schemas.microsoft.com/office/drawing/2014/main" id="{0CA61DAE-ECAA-41EE-9603-CDE440D927FE}"/>
            </a:ext>
          </a:extLst>
        </xdr:cNvPr>
        <xdr:cNvSpPr txBox="1"/>
      </xdr:nvSpPr>
      <xdr:spPr>
        <a:xfrm>
          <a:off x="4813300" y="613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3970</xdr:rowOff>
    </xdr:from>
    <xdr:to>
      <xdr:col>19</xdr:col>
      <xdr:colOff>187325</xdr:colOff>
      <xdr:row>31</xdr:row>
      <xdr:rowOff>115570</xdr:rowOff>
    </xdr:to>
    <xdr:sp macro="" textlink="">
      <xdr:nvSpPr>
        <xdr:cNvPr id="93" name="楕円 92">
          <a:extLst>
            <a:ext uri="{FF2B5EF4-FFF2-40B4-BE49-F238E27FC236}">
              <a16:creationId xmlns:a16="http://schemas.microsoft.com/office/drawing/2014/main" id="{7F4BCCF0-6F94-4B20-8543-1D5B611CB92E}"/>
            </a:ext>
          </a:extLst>
        </xdr:cNvPr>
        <xdr:cNvSpPr/>
      </xdr:nvSpPr>
      <xdr:spPr>
        <a:xfrm>
          <a:off x="4000500" y="6100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64770</xdr:rowOff>
    </xdr:from>
    <xdr:to>
      <xdr:col>23</xdr:col>
      <xdr:colOff>85725</xdr:colOff>
      <xdr:row>31</xdr:row>
      <xdr:rowOff>118745</xdr:rowOff>
    </xdr:to>
    <xdr:cxnSp macro="">
      <xdr:nvCxnSpPr>
        <xdr:cNvPr id="94" name="直線コネクタ 93">
          <a:extLst>
            <a:ext uri="{FF2B5EF4-FFF2-40B4-BE49-F238E27FC236}">
              <a16:creationId xmlns:a16="http://schemas.microsoft.com/office/drawing/2014/main" id="{5FDC086F-B9BD-4273-A3FF-4307C10508E7}"/>
            </a:ext>
          </a:extLst>
        </xdr:cNvPr>
        <xdr:cNvCxnSpPr/>
      </xdr:nvCxnSpPr>
      <xdr:spPr>
        <a:xfrm>
          <a:off x="4051300" y="6151245"/>
          <a:ext cx="711200" cy="53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35043</xdr:rowOff>
    </xdr:from>
    <xdr:to>
      <xdr:col>15</xdr:col>
      <xdr:colOff>187325</xdr:colOff>
      <xdr:row>31</xdr:row>
      <xdr:rowOff>65193</xdr:rowOff>
    </xdr:to>
    <xdr:sp macro="" textlink="">
      <xdr:nvSpPr>
        <xdr:cNvPr id="95" name="楕円 94">
          <a:extLst>
            <a:ext uri="{FF2B5EF4-FFF2-40B4-BE49-F238E27FC236}">
              <a16:creationId xmlns:a16="http://schemas.microsoft.com/office/drawing/2014/main" id="{AD0D48CB-FC5A-423C-9303-B5B7639C34FD}"/>
            </a:ext>
          </a:extLst>
        </xdr:cNvPr>
        <xdr:cNvSpPr/>
      </xdr:nvSpPr>
      <xdr:spPr>
        <a:xfrm>
          <a:off x="3238500" y="6050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4393</xdr:rowOff>
    </xdr:from>
    <xdr:to>
      <xdr:col>19</xdr:col>
      <xdr:colOff>136525</xdr:colOff>
      <xdr:row>31</xdr:row>
      <xdr:rowOff>64770</xdr:rowOff>
    </xdr:to>
    <xdr:cxnSp macro="">
      <xdr:nvCxnSpPr>
        <xdr:cNvPr id="96" name="直線コネクタ 95">
          <a:extLst>
            <a:ext uri="{FF2B5EF4-FFF2-40B4-BE49-F238E27FC236}">
              <a16:creationId xmlns:a16="http://schemas.microsoft.com/office/drawing/2014/main" id="{91370650-614D-4D00-AEB1-ECECB9B9B634}"/>
            </a:ext>
          </a:extLst>
        </xdr:cNvPr>
        <xdr:cNvCxnSpPr/>
      </xdr:nvCxnSpPr>
      <xdr:spPr>
        <a:xfrm>
          <a:off x="3289300" y="6100868"/>
          <a:ext cx="762000" cy="50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94192</xdr:rowOff>
    </xdr:from>
    <xdr:to>
      <xdr:col>11</xdr:col>
      <xdr:colOff>187325</xdr:colOff>
      <xdr:row>30</xdr:row>
      <xdr:rowOff>24342</xdr:rowOff>
    </xdr:to>
    <xdr:sp macro="" textlink="">
      <xdr:nvSpPr>
        <xdr:cNvPr id="97" name="楕円 96">
          <a:extLst>
            <a:ext uri="{FF2B5EF4-FFF2-40B4-BE49-F238E27FC236}">
              <a16:creationId xmlns:a16="http://schemas.microsoft.com/office/drawing/2014/main" id="{78BF6F36-496C-4318-A22C-C33667EF5B51}"/>
            </a:ext>
          </a:extLst>
        </xdr:cNvPr>
        <xdr:cNvSpPr/>
      </xdr:nvSpPr>
      <xdr:spPr>
        <a:xfrm>
          <a:off x="2476500" y="5837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44992</xdr:rowOff>
    </xdr:from>
    <xdr:to>
      <xdr:col>15</xdr:col>
      <xdr:colOff>136525</xdr:colOff>
      <xdr:row>31</xdr:row>
      <xdr:rowOff>14393</xdr:rowOff>
    </xdr:to>
    <xdr:cxnSp macro="">
      <xdr:nvCxnSpPr>
        <xdr:cNvPr id="98" name="直線コネクタ 97">
          <a:extLst>
            <a:ext uri="{FF2B5EF4-FFF2-40B4-BE49-F238E27FC236}">
              <a16:creationId xmlns:a16="http://schemas.microsoft.com/office/drawing/2014/main" id="{BB6D7D9D-5C88-409A-8E65-56EF08DBA10C}"/>
            </a:ext>
          </a:extLst>
        </xdr:cNvPr>
        <xdr:cNvCxnSpPr/>
      </xdr:nvCxnSpPr>
      <xdr:spPr>
        <a:xfrm>
          <a:off x="2527300" y="5888567"/>
          <a:ext cx="762000" cy="212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37888</xdr:rowOff>
    </xdr:from>
    <xdr:to>
      <xdr:col>7</xdr:col>
      <xdr:colOff>187325</xdr:colOff>
      <xdr:row>30</xdr:row>
      <xdr:rowOff>139488</xdr:rowOff>
    </xdr:to>
    <xdr:sp macro="" textlink="">
      <xdr:nvSpPr>
        <xdr:cNvPr id="99" name="楕円 98">
          <a:extLst>
            <a:ext uri="{FF2B5EF4-FFF2-40B4-BE49-F238E27FC236}">
              <a16:creationId xmlns:a16="http://schemas.microsoft.com/office/drawing/2014/main" id="{D063B570-BD6B-4589-B20C-AE11643C0840}"/>
            </a:ext>
          </a:extLst>
        </xdr:cNvPr>
        <xdr:cNvSpPr/>
      </xdr:nvSpPr>
      <xdr:spPr>
        <a:xfrm>
          <a:off x="1714500" y="5952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44992</xdr:rowOff>
    </xdr:from>
    <xdr:to>
      <xdr:col>11</xdr:col>
      <xdr:colOff>136525</xdr:colOff>
      <xdr:row>30</xdr:row>
      <xdr:rowOff>88688</xdr:rowOff>
    </xdr:to>
    <xdr:cxnSp macro="">
      <xdr:nvCxnSpPr>
        <xdr:cNvPr id="100" name="直線コネクタ 99">
          <a:extLst>
            <a:ext uri="{FF2B5EF4-FFF2-40B4-BE49-F238E27FC236}">
              <a16:creationId xmlns:a16="http://schemas.microsoft.com/office/drawing/2014/main" id="{AE097704-F8FE-448E-824D-97249C332811}"/>
            </a:ext>
          </a:extLst>
        </xdr:cNvPr>
        <xdr:cNvCxnSpPr/>
      </xdr:nvCxnSpPr>
      <xdr:spPr>
        <a:xfrm flipV="1">
          <a:off x="1765300" y="5888567"/>
          <a:ext cx="762000" cy="11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49335</xdr:rowOff>
    </xdr:from>
    <xdr:ext cx="405111" cy="259045"/>
    <xdr:sp macro="" textlink="">
      <xdr:nvSpPr>
        <xdr:cNvPr id="101" name="n_1aveValue有形固定資産減価償却率">
          <a:extLst>
            <a:ext uri="{FF2B5EF4-FFF2-40B4-BE49-F238E27FC236}">
              <a16:creationId xmlns:a16="http://schemas.microsoft.com/office/drawing/2014/main" id="{E823CECF-B24A-4B3A-91A0-76455976DFDA}"/>
            </a:ext>
          </a:extLst>
        </xdr:cNvPr>
        <xdr:cNvSpPr txBox="1"/>
      </xdr:nvSpPr>
      <xdr:spPr>
        <a:xfrm>
          <a:off x="3836044" y="5792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20549</xdr:rowOff>
    </xdr:from>
    <xdr:ext cx="405111" cy="259045"/>
    <xdr:sp macro="" textlink="">
      <xdr:nvSpPr>
        <xdr:cNvPr id="102" name="n_2aveValue有形固定資産減価償却率">
          <a:extLst>
            <a:ext uri="{FF2B5EF4-FFF2-40B4-BE49-F238E27FC236}">
              <a16:creationId xmlns:a16="http://schemas.microsoft.com/office/drawing/2014/main" id="{0C2357D4-7C84-4297-BE96-78BBDD088385}"/>
            </a:ext>
          </a:extLst>
        </xdr:cNvPr>
        <xdr:cNvSpPr txBox="1"/>
      </xdr:nvSpPr>
      <xdr:spPr>
        <a:xfrm>
          <a:off x="3086744" y="57641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37812</xdr:rowOff>
    </xdr:from>
    <xdr:ext cx="405111" cy="259045"/>
    <xdr:sp macro="" textlink="">
      <xdr:nvSpPr>
        <xdr:cNvPr id="103" name="n_3aveValue有形固定資産減価償却率">
          <a:extLst>
            <a:ext uri="{FF2B5EF4-FFF2-40B4-BE49-F238E27FC236}">
              <a16:creationId xmlns:a16="http://schemas.microsoft.com/office/drawing/2014/main" id="{449DF9D9-7FE3-4170-AFE0-56FF0C786C98}"/>
            </a:ext>
          </a:extLst>
        </xdr:cNvPr>
        <xdr:cNvSpPr txBox="1"/>
      </xdr:nvSpPr>
      <xdr:spPr>
        <a:xfrm>
          <a:off x="2324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45220</xdr:rowOff>
    </xdr:from>
    <xdr:ext cx="405111" cy="259045"/>
    <xdr:sp macro="" textlink="">
      <xdr:nvSpPr>
        <xdr:cNvPr id="104" name="n_4aveValue有形固定資産減価償却率">
          <a:extLst>
            <a:ext uri="{FF2B5EF4-FFF2-40B4-BE49-F238E27FC236}">
              <a16:creationId xmlns:a16="http://schemas.microsoft.com/office/drawing/2014/main" id="{0B480D7E-220F-4C4D-B6EF-3DAAD4B6EF66}"/>
            </a:ext>
          </a:extLst>
        </xdr:cNvPr>
        <xdr:cNvSpPr txBox="1"/>
      </xdr:nvSpPr>
      <xdr:spPr>
        <a:xfrm>
          <a:off x="1562744" y="5717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106697</xdr:rowOff>
    </xdr:from>
    <xdr:ext cx="405111" cy="259045"/>
    <xdr:sp macro="" textlink="">
      <xdr:nvSpPr>
        <xdr:cNvPr id="105" name="n_1mainValue有形固定資産減価償却率">
          <a:extLst>
            <a:ext uri="{FF2B5EF4-FFF2-40B4-BE49-F238E27FC236}">
              <a16:creationId xmlns:a16="http://schemas.microsoft.com/office/drawing/2014/main" id="{7CA0380C-2AA8-4ACA-B95A-4615DABAEAAA}"/>
            </a:ext>
          </a:extLst>
        </xdr:cNvPr>
        <xdr:cNvSpPr txBox="1"/>
      </xdr:nvSpPr>
      <xdr:spPr>
        <a:xfrm>
          <a:off x="3836044" y="6193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56320</xdr:rowOff>
    </xdr:from>
    <xdr:ext cx="405111" cy="259045"/>
    <xdr:sp macro="" textlink="">
      <xdr:nvSpPr>
        <xdr:cNvPr id="106" name="n_2mainValue有形固定資産減価償却率">
          <a:extLst>
            <a:ext uri="{FF2B5EF4-FFF2-40B4-BE49-F238E27FC236}">
              <a16:creationId xmlns:a16="http://schemas.microsoft.com/office/drawing/2014/main" id="{FFA521FA-4BE5-4076-9181-E457AEDA51A0}"/>
            </a:ext>
          </a:extLst>
        </xdr:cNvPr>
        <xdr:cNvSpPr txBox="1"/>
      </xdr:nvSpPr>
      <xdr:spPr>
        <a:xfrm>
          <a:off x="3086744" y="6142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40869</xdr:rowOff>
    </xdr:from>
    <xdr:ext cx="405111" cy="259045"/>
    <xdr:sp macro="" textlink="">
      <xdr:nvSpPr>
        <xdr:cNvPr id="107" name="n_3mainValue有形固定資産減価償却率">
          <a:extLst>
            <a:ext uri="{FF2B5EF4-FFF2-40B4-BE49-F238E27FC236}">
              <a16:creationId xmlns:a16="http://schemas.microsoft.com/office/drawing/2014/main" id="{42A7F108-9FAC-49A2-94DB-B68A722D1B6C}"/>
            </a:ext>
          </a:extLst>
        </xdr:cNvPr>
        <xdr:cNvSpPr txBox="1"/>
      </xdr:nvSpPr>
      <xdr:spPr>
        <a:xfrm>
          <a:off x="2324744" y="56129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30615</xdr:rowOff>
    </xdr:from>
    <xdr:ext cx="405111" cy="259045"/>
    <xdr:sp macro="" textlink="">
      <xdr:nvSpPr>
        <xdr:cNvPr id="108" name="n_4mainValue有形固定資産減価償却率">
          <a:extLst>
            <a:ext uri="{FF2B5EF4-FFF2-40B4-BE49-F238E27FC236}">
              <a16:creationId xmlns:a16="http://schemas.microsoft.com/office/drawing/2014/main" id="{F89B389D-EE86-4A20-849D-AE06739F6C83}"/>
            </a:ext>
          </a:extLst>
        </xdr:cNvPr>
        <xdr:cNvSpPr txBox="1"/>
      </xdr:nvSpPr>
      <xdr:spPr>
        <a:xfrm>
          <a:off x="1562744" y="6045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9" name="正方形/長方形 108">
          <a:extLst>
            <a:ext uri="{FF2B5EF4-FFF2-40B4-BE49-F238E27FC236}">
              <a16:creationId xmlns:a16="http://schemas.microsoft.com/office/drawing/2014/main" id="{073D4824-CD2E-49DF-9CB6-C58446B31B6C}"/>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0" name="正方形/長方形 109">
          <a:extLst>
            <a:ext uri="{FF2B5EF4-FFF2-40B4-BE49-F238E27FC236}">
              <a16:creationId xmlns:a16="http://schemas.microsoft.com/office/drawing/2014/main" id="{E2C276A7-98C9-4B67-81D9-320F8D2122DD}"/>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1" name="正方形/長方形 110">
          <a:extLst>
            <a:ext uri="{FF2B5EF4-FFF2-40B4-BE49-F238E27FC236}">
              <a16:creationId xmlns:a16="http://schemas.microsoft.com/office/drawing/2014/main" id="{3336E19F-FCEC-401F-AB2F-8E1700B85A21}"/>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77.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2" name="正方形/長方形 111">
          <a:extLst>
            <a:ext uri="{FF2B5EF4-FFF2-40B4-BE49-F238E27FC236}">
              <a16:creationId xmlns:a16="http://schemas.microsoft.com/office/drawing/2014/main" id="{FE379FA1-55C0-445C-ADF4-4CA4BB1B723D}"/>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3" name="正方形/長方形 112">
          <a:extLst>
            <a:ext uri="{FF2B5EF4-FFF2-40B4-BE49-F238E27FC236}">
              <a16:creationId xmlns:a16="http://schemas.microsoft.com/office/drawing/2014/main" id="{BA2EB106-AD63-4C4E-9100-9F0403963760}"/>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4" name="正方形/長方形 113">
          <a:extLst>
            <a:ext uri="{FF2B5EF4-FFF2-40B4-BE49-F238E27FC236}">
              <a16:creationId xmlns:a16="http://schemas.microsoft.com/office/drawing/2014/main" id="{4FD628C7-11BA-4028-949E-076A9C2C9C26}"/>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5" name="正方形/長方形 114">
          <a:extLst>
            <a:ext uri="{FF2B5EF4-FFF2-40B4-BE49-F238E27FC236}">
              <a16:creationId xmlns:a16="http://schemas.microsoft.com/office/drawing/2014/main" id="{E2849D80-9D6C-4A6C-8967-0C1B7D5E567A}"/>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6" name="正方形/長方形 115">
          <a:extLst>
            <a:ext uri="{FF2B5EF4-FFF2-40B4-BE49-F238E27FC236}">
              <a16:creationId xmlns:a16="http://schemas.microsoft.com/office/drawing/2014/main" id="{F700D925-6A6E-461C-81E0-F28571236002}"/>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7" name="正方形/長方形 116">
          <a:extLst>
            <a:ext uri="{FF2B5EF4-FFF2-40B4-BE49-F238E27FC236}">
              <a16:creationId xmlns:a16="http://schemas.microsoft.com/office/drawing/2014/main" id="{A1591820-3BB8-4172-9B2F-42EF9BDD21B5}"/>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8" name="正方形/長方形 117">
          <a:extLst>
            <a:ext uri="{FF2B5EF4-FFF2-40B4-BE49-F238E27FC236}">
              <a16:creationId xmlns:a16="http://schemas.microsoft.com/office/drawing/2014/main" id="{97684550-A7C0-4E2A-872B-B376F119B30E}"/>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9" name="正方形/長方形 118">
          <a:extLst>
            <a:ext uri="{FF2B5EF4-FFF2-40B4-BE49-F238E27FC236}">
              <a16:creationId xmlns:a16="http://schemas.microsoft.com/office/drawing/2014/main" id="{2E1A62FF-E5DC-40B4-BD1E-C8B74AE55D42}"/>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0" name="正方形/長方形 119">
          <a:extLst>
            <a:ext uri="{FF2B5EF4-FFF2-40B4-BE49-F238E27FC236}">
              <a16:creationId xmlns:a16="http://schemas.microsoft.com/office/drawing/2014/main" id="{C3A4F9CD-9882-42B2-B4A6-A62250BC7E5D}"/>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1" name="テキスト ボックス 120">
          <a:extLst>
            <a:ext uri="{FF2B5EF4-FFF2-40B4-BE49-F238E27FC236}">
              <a16:creationId xmlns:a16="http://schemas.microsoft.com/office/drawing/2014/main" id="{60972830-7944-430E-94FC-74B8EAB97E11}"/>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決算での値は、前年と比較して</a:t>
          </a:r>
          <a:r>
            <a:rPr kumimoji="1" lang="en-US" altLang="ja-JP" sz="1100">
              <a:solidFill>
                <a:schemeClr val="dk1"/>
              </a:solidFill>
              <a:effectLst/>
              <a:latin typeface="+mn-lt"/>
              <a:ea typeface="+mn-ea"/>
              <a:cs typeface="+mn-cs"/>
            </a:rPr>
            <a:t>86.1%</a:t>
          </a:r>
          <a:r>
            <a:rPr kumimoji="1" lang="ja-JP" altLang="ja-JP" sz="1100">
              <a:solidFill>
                <a:schemeClr val="dk1"/>
              </a:solidFill>
              <a:effectLst/>
              <a:latin typeface="+mn-lt"/>
              <a:ea typeface="+mn-ea"/>
              <a:cs typeface="+mn-cs"/>
            </a:rPr>
            <a:t>減少の</a:t>
          </a:r>
          <a:r>
            <a:rPr kumimoji="1" lang="en-US" altLang="ja-JP" sz="1100">
              <a:solidFill>
                <a:schemeClr val="dk1"/>
              </a:solidFill>
              <a:effectLst/>
              <a:latin typeface="+mn-lt"/>
              <a:ea typeface="+mn-ea"/>
              <a:cs typeface="+mn-cs"/>
            </a:rPr>
            <a:t>277.7%</a:t>
          </a:r>
          <a:r>
            <a:rPr kumimoji="1" lang="ja-JP" altLang="ja-JP" sz="1100">
              <a:solidFill>
                <a:schemeClr val="dk1"/>
              </a:solidFill>
              <a:effectLst/>
              <a:latin typeface="+mn-lt"/>
              <a:ea typeface="+mn-ea"/>
              <a:cs typeface="+mn-cs"/>
            </a:rPr>
            <a:t>となった。</a:t>
          </a:r>
          <a:endParaRPr lang="ja-JP" altLang="ja-JP">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類似団体</a:t>
          </a:r>
          <a:r>
            <a:rPr kumimoji="1" lang="ja-JP" altLang="ja-JP" sz="1100">
              <a:solidFill>
                <a:schemeClr val="dk1"/>
              </a:solidFill>
              <a:effectLst/>
              <a:latin typeface="+mn-lt"/>
              <a:ea typeface="+mn-ea"/>
              <a:cs typeface="+mn-cs"/>
            </a:rPr>
            <a:t>の数値より低い値となっているが、引き続き、大規模な事業を実施する際には、将来への負担バランスを注視していく。</a:t>
          </a:r>
          <a:endParaRPr lang="ja-JP" altLang="ja-JP">
            <a:effectLst/>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2" name="テキスト ボックス 121">
          <a:extLst>
            <a:ext uri="{FF2B5EF4-FFF2-40B4-BE49-F238E27FC236}">
              <a16:creationId xmlns:a16="http://schemas.microsoft.com/office/drawing/2014/main" id="{91E9FBCB-506A-4C9C-B805-033DF3B95035}"/>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3" name="直線コネクタ 122">
          <a:extLst>
            <a:ext uri="{FF2B5EF4-FFF2-40B4-BE49-F238E27FC236}">
              <a16:creationId xmlns:a16="http://schemas.microsoft.com/office/drawing/2014/main" id="{F648C502-22B8-48B8-A399-F3E28E6A5DAA}"/>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4" name="テキスト ボックス 123">
          <a:extLst>
            <a:ext uri="{FF2B5EF4-FFF2-40B4-BE49-F238E27FC236}">
              <a16:creationId xmlns:a16="http://schemas.microsoft.com/office/drawing/2014/main" id="{89B565D9-F846-4A79-B3E6-51219B0705CE}"/>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5" name="直線コネクタ 124">
          <a:extLst>
            <a:ext uri="{FF2B5EF4-FFF2-40B4-BE49-F238E27FC236}">
              <a16:creationId xmlns:a16="http://schemas.microsoft.com/office/drawing/2014/main" id="{7F085B44-33CF-4D60-AED4-FEFEEDF1775E}"/>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6" name="テキスト ボックス 125">
          <a:extLst>
            <a:ext uri="{FF2B5EF4-FFF2-40B4-BE49-F238E27FC236}">
              <a16:creationId xmlns:a16="http://schemas.microsoft.com/office/drawing/2014/main" id="{CAE086FE-FEB5-4313-99B7-FE44B70D5695}"/>
            </a:ext>
          </a:extLst>
        </xdr:cNvPr>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7" name="直線コネクタ 126">
          <a:extLst>
            <a:ext uri="{FF2B5EF4-FFF2-40B4-BE49-F238E27FC236}">
              <a16:creationId xmlns:a16="http://schemas.microsoft.com/office/drawing/2014/main" id="{1B36364A-E7F5-488F-904D-6112C9783A3C}"/>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8" name="テキスト ボックス 127">
          <a:extLst>
            <a:ext uri="{FF2B5EF4-FFF2-40B4-BE49-F238E27FC236}">
              <a16:creationId xmlns:a16="http://schemas.microsoft.com/office/drawing/2014/main" id="{997B9EAB-A71D-4D4B-B606-4B470339531E}"/>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9" name="直線コネクタ 128">
          <a:extLst>
            <a:ext uri="{FF2B5EF4-FFF2-40B4-BE49-F238E27FC236}">
              <a16:creationId xmlns:a16="http://schemas.microsoft.com/office/drawing/2014/main" id="{815CA314-FE17-465C-AB6D-62BFC469C6AC}"/>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30" name="テキスト ボックス 129">
          <a:extLst>
            <a:ext uri="{FF2B5EF4-FFF2-40B4-BE49-F238E27FC236}">
              <a16:creationId xmlns:a16="http://schemas.microsoft.com/office/drawing/2014/main" id="{894BA53C-6A14-441E-B086-60269621C8D0}"/>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1" name="直線コネクタ 130">
          <a:extLst>
            <a:ext uri="{FF2B5EF4-FFF2-40B4-BE49-F238E27FC236}">
              <a16:creationId xmlns:a16="http://schemas.microsoft.com/office/drawing/2014/main" id="{F0E2FD04-B7EF-41EE-B091-CD716E498E39}"/>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32" name="テキスト ボックス 131">
          <a:extLst>
            <a:ext uri="{FF2B5EF4-FFF2-40B4-BE49-F238E27FC236}">
              <a16:creationId xmlns:a16="http://schemas.microsoft.com/office/drawing/2014/main" id="{B036FA72-4DA1-41A0-A30B-C13A8D1C9B5A}"/>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3" name="直線コネクタ 132">
          <a:extLst>
            <a:ext uri="{FF2B5EF4-FFF2-40B4-BE49-F238E27FC236}">
              <a16:creationId xmlns:a16="http://schemas.microsoft.com/office/drawing/2014/main" id="{2EDCC73F-A1F5-4363-A2CA-43D92AED9398}"/>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4" name="テキスト ボックス 133">
          <a:extLst>
            <a:ext uri="{FF2B5EF4-FFF2-40B4-BE49-F238E27FC236}">
              <a16:creationId xmlns:a16="http://schemas.microsoft.com/office/drawing/2014/main" id="{ADC331DD-6B34-4FD8-BBE2-0A0570E19C27}"/>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5" name="直線コネクタ 134">
          <a:extLst>
            <a:ext uri="{FF2B5EF4-FFF2-40B4-BE49-F238E27FC236}">
              <a16:creationId xmlns:a16="http://schemas.microsoft.com/office/drawing/2014/main" id="{A4C4CB9B-2D7A-462C-B484-5787593C2DA2}"/>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6" name="債務償還比率グラフ枠">
          <a:extLst>
            <a:ext uri="{FF2B5EF4-FFF2-40B4-BE49-F238E27FC236}">
              <a16:creationId xmlns:a16="http://schemas.microsoft.com/office/drawing/2014/main" id="{9643C546-E83F-4168-9E58-E64D60E125F8}"/>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115358</xdr:rowOff>
    </xdr:to>
    <xdr:cxnSp macro="">
      <xdr:nvCxnSpPr>
        <xdr:cNvPr id="137" name="直線コネクタ 136">
          <a:extLst>
            <a:ext uri="{FF2B5EF4-FFF2-40B4-BE49-F238E27FC236}">
              <a16:creationId xmlns:a16="http://schemas.microsoft.com/office/drawing/2014/main" id="{6C4AE2A2-2D98-490F-9C3E-C4D42184A016}"/>
            </a:ext>
          </a:extLst>
        </xdr:cNvPr>
        <xdr:cNvCxnSpPr/>
      </xdr:nvCxnSpPr>
      <xdr:spPr>
        <a:xfrm flipV="1">
          <a:off x="14793595" y="5312833"/>
          <a:ext cx="1269" cy="140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19185</xdr:rowOff>
    </xdr:from>
    <xdr:ext cx="469744" cy="259045"/>
    <xdr:sp macro="" textlink="">
      <xdr:nvSpPr>
        <xdr:cNvPr id="138" name="債務償還比率最小値テキスト">
          <a:extLst>
            <a:ext uri="{FF2B5EF4-FFF2-40B4-BE49-F238E27FC236}">
              <a16:creationId xmlns:a16="http://schemas.microsoft.com/office/drawing/2014/main" id="{15348710-C14F-4DEC-84A6-AC34AE60581F}"/>
            </a:ext>
          </a:extLst>
        </xdr:cNvPr>
        <xdr:cNvSpPr txBox="1"/>
      </xdr:nvSpPr>
      <xdr:spPr>
        <a:xfrm>
          <a:off x="14846300" y="6720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15358</xdr:rowOff>
    </xdr:from>
    <xdr:to>
      <xdr:col>76</xdr:col>
      <xdr:colOff>111125</xdr:colOff>
      <xdr:row>34</xdr:row>
      <xdr:rowOff>115358</xdr:rowOff>
    </xdr:to>
    <xdr:cxnSp macro="">
      <xdr:nvCxnSpPr>
        <xdr:cNvPr id="139" name="直線コネクタ 138">
          <a:extLst>
            <a:ext uri="{FF2B5EF4-FFF2-40B4-BE49-F238E27FC236}">
              <a16:creationId xmlns:a16="http://schemas.microsoft.com/office/drawing/2014/main" id="{ABFA325C-DA4B-45C8-96B4-F5AD398C3D1E}"/>
            </a:ext>
          </a:extLst>
        </xdr:cNvPr>
        <xdr:cNvCxnSpPr/>
      </xdr:nvCxnSpPr>
      <xdr:spPr>
        <a:xfrm>
          <a:off x="14706600" y="6716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40" name="債務償還比率最大値テキスト">
          <a:extLst>
            <a:ext uri="{FF2B5EF4-FFF2-40B4-BE49-F238E27FC236}">
              <a16:creationId xmlns:a16="http://schemas.microsoft.com/office/drawing/2014/main" id="{76BEDAB7-EC20-41BB-9E2D-E37D00C02BFA}"/>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1" name="直線コネクタ 140">
          <a:extLst>
            <a:ext uri="{FF2B5EF4-FFF2-40B4-BE49-F238E27FC236}">
              <a16:creationId xmlns:a16="http://schemas.microsoft.com/office/drawing/2014/main" id="{92E7902C-5C30-4916-9DFC-5D864D807FBF}"/>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11637</xdr:rowOff>
    </xdr:from>
    <xdr:ext cx="469744" cy="259045"/>
    <xdr:sp macro="" textlink="">
      <xdr:nvSpPr>
        <xdr:cNvPr id="142" name="債務償還比率平均値テキスト">
          <a:extLst>
            <a:ext uri="{FF2B5EF4-FFF2-40B4-BE49-F238E27FC236}">
              <a16:creationId xmlns:a16="http://schemas.microsoft.com/office/drawing/2014/main" id="{71A41093-69E2-4665-802D-CD9473BC18CF}"/>
            </a:ext>
          </a:extLst>
        </xdr:cNvPr>
        <xdr:cNvSpPr txBox="1"/>
      </xdr:nvSpPr>
      <xdr:spPr>
        <a:xfrm>
          <a:off x="14846300" y="59266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33210</xdr:rowOff>
    </xdr:from>
    <xdr:to>
      <xdr:col>76</xdr:col>
      <xdr:colOff>73025</xdr:colOff>
      <xdr:row>30</xdr:row>
      <xdr:rowOff>134810</xdr:rowOff>
    </xdr:to>
    <xdr:sp macro="" textlink="">
      <xdr:nvSpPr>
        <xdr:cNvPr id="143" name="フローチャート: 判断 142">
          <a:extLst>
            <a:ext uri="{FF2B5EF4-FFF2-40B4-BE49-F238E27FC236}">
              <a16:creationId xmlns:a16="http://schemas.microsoft.com/office/drawing/2014/main" id="{210735B0-6105-4642-9118-FEEA040C046F}"/>
            </a:ext>
          </a:extLst>
        </xdr:cNvPr>
        <xdr:cNvSpPr/>
      </xdr:nvSpPr>
      <xdr:spPr>
        <a:xfrm>
          <a:off x="14744700" y="5948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111665</xdr:rowOff>
    </xdr:from>
    <xdr:to>
      <xdr:col>72</xdr:col>
      <xdr:colOff>123825</xdr:colOff>
      <xdr:row>32</xdr:row>
      <xdr:rowOff>41815</xdr:rowOff>
    </xdr:to>
    <xdr:sp macro="" textlink="">
      <xdr:nvSpPr>
        <xdr:cNvPr id="144" name="フローチャート: 判断 143">
          <a:extLst>
            <a:ext uri="{FF2B5EF4-FFF2-40B4-BE49-F238E27FC236}">
              <a16:creationId xmlns:a16="http://schemas.microsoft.com/office/drawing/2014/main" id="{8A4EAC18-789D-41BC-A849-53FCE56D6DA1}"/>
            </a:ext>
          </a:extLst>
        </xdr:cNvPr>
        <xdr:cNvSpPr/>
      </xdr:nvSpPr>
      <xdr:spPr>
        <a:xfrm>
          <a:off x="14033500" y="619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2</xdr:row>
      <xdr:rowOff>21357</xdr:rowOff>
    </xdr:from>
    <xdr:to>
      <xdr:col>68</xdr:col>
      <xdr:colOff>123825</xdr:colOff>
      <xdr:row>32</xdr:row>
      <xdr:rowOff>122957</xdr:rowOff>
    </xdr:to>
    <xdr:sp macro="" textlink="">
      <xdr:nvSpPr>
        <xdr:cNvPr id="145" name="フローチャート: 判断 144">
          <a:extLst>
            <a:ext uri="{FF2B5EF4-FFF2-40B4-BE49-F238E27FC236}">
              <a16:creationId xmlns:a16="http://schemas.microsoft.com/office/drawing/2014/main" id="{FEA61D25-4405-4EAC-AF32-2E4FD0BE0404}"/>
            </a:ext>
          </a:extLst>
        </xdr:cNvPr>
        <xdr:cNvSpPr/>
      </xdr:nvSpPr>
      <xdr:spPr>
        <a:xfrm>
          <a:off x="13271500" y="627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2</xdr:row>
      <xdr:rowOff>7684</xdr:rowOff>
    </xdr:from>
    <xdr:to>
      <xdr:col>64</xdr:col>
      <xdr:colOff>123825</xdr:colOff>
      <xdr:row>32</xdr:row>
      <xdr:rowOff>109284</xdr:rowOff>
    </xdr:to>
    <xdr:sp macro="" textlink="">
      <xdr:nvSpPr>
        <xdr:cNvPr id="146" name="フローチャート: 判断 145">
          <a:extLst>
            <a:ext uri="{FF2B5EF4-FFF2-40B4-BE49-F238E27FC236}">
              <a16:creationId xmlns:a16="http://schemas.microsoft.com/office/drawing/2014/main" id="{535F2E80-7BB7-4CBD-97CD-E72BC31A8167}"/>
            </a:ext>
          </a:extLst>
        </xdr:cNvPr>
        <xdr:cNvSpPr/>
      </xdr:nvSpPr>
      <xdr:spPr>
        <a:xfrm>
          <a:off x="12509500" y="6265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11822</xdr:rowOff>
    </xdr:from>
    <xdr:to>
      <xdr:col>60</xdr:col>
      <xdr:colOff>123825</xdr:colOff>
      <xdr:row>32</xdr:row>
      <xdr:rowOff>113422</xdr:rowOff>
    </xdr:to>
    <xdr:sp macro="" textlink="">
      <xdr:nvSpPr>
        <xdr:cNvPr id="147" name="フローチャート: 判断 146">
          <a:extLst>
            <a:ext uri="{FF2B5EF4-FFF2-40B4-BE49-F238E27FC236}">
              <a16:creationId xmlns:a16="http://schemas.microsoft.com/office/drawing/2014/main" id="{67AEE7C8-8515-4BBD-8D58-50001AC73798}"/>
            </a:ext>
          </a:extLst>
        </xdr:cNvPr>
        <xdr:cNvSpPr/>
      </xdr:nvSpPr>
      <xdr:spPr>
        <a:xfrm>
          <a:off x="11747500" y="6269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8" name="テキスト ボックス 147">
          <a:extLst>
            <a:ext uri="{FF2B5EF4-FFF2-40B4-BE49-F238E27FC236}">
              <a16:creationId xmlns:a16="http://schemas.microsoft.com/office/drawing/2014/main" id="{D9165AA6-84F7-4D97-A6F5-DD0887F15EA8}"/>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9" name="テキスト ボックス 148">
          <a:extLst>
            <a:ext uri="{FF2B5EF4-FFF2-40B4-BE49-F238E27FC236}">
              <a16:creationId xmlns:a16="http://schemas.microsoft.com/office/drawing/2014/main" id="{B2F07BE5-1FCA-4260-9CB9-2F8588EB0695}"/>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E7725C15-E6CD-4A1C-B770-27EC13FF77D4}"/>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907BA7C4-F9E9-4282-8584-75882B4EC174}"/>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BF5838A6-4842-49FC-AFCC-0A9D889CB22E}"/>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8087</xdr:rowOff>
    </xdr:from>
    <xdr:to>
      <xdr:col>76</xdr:col>
      <xdr:colOff>73025</xdr:colOff>
      <xdr:row>29</xdr:row>
      <xdr:rowOff>119687</xdr:rowOff>
    </xdr:to>
    <xdr:sp macro="" textlink="">
      <xdr:nvSpPr>
        <xdr:cNvPr id="153" name="楕円 152">
          <a:extLst>
            <a:ext uri="{FF2B5EF4-FFF2-40B4-BE49-F238E27FC236}">
              <a16:creationId xmlns:a16="http://schemas.microsoft.com/office/drawing/2014/main" id="{7A8CBA43-BDF8-4455-8EB3-6E0B7398025F}"/>
            </a:ext>
          </a:extLst>
        </xdr:cNvPr>
        <xdr:cNvSpPr/>
      </xdr:nvSpPr>
      <xdr:spPr>
        <a:xfrm>
          <a:off x="14744700" y="5761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40964</xdr:rowOff>
    </xdr:from>
    <xdr:ext cx="469744" cy="259045"/>
    <xdr:sp macro="" textlink="">
      <xdr:nvSpPr>
        <xdr:cNvPr id="154" name="債務償還比率該当値テキスト">
          <a:extLst>
            <a:ext uri="{FF2B5EF4-FFF2-40B4-BE49-F238E27FC236}">
              <a16:creationId xmlns:a16="http://schemas.microsoft.com/office/drawing/2014/main" id="{136566C4-3549-4C43-8E50-2392693E542C}"/>
            </a:ext>
          </a:extLst>
        </xdr:cNvPr>
        <xdr:cNvSpPr txBox="1"/>
      </xdr:nvSpPr>
      <xdr:spPr>
        <a:xfrm>
          <a:off x="14846300" y="5613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545</xdr:rowOff>
    </xdr:from>
    <xdr:to>
      <xdr:col>72</xdr:col>
      <xdr:colOff>123825</xdr:colOff>
      <xdr:row>30</xdr:row>
      <xdr:rowOff>103145</xdr:rowOff>
    </xdr:to>
    <xdr:sp macro="" textlink="">
      <xdr:nvSpPr>
        <xdr:cNvPr id="155" name="楕円 154">
          <a:extLst>
            <a:ext uri="{FF2B5EF4-FFF2-40B4-BE49-F238E27FC236}">
              <a16:creationId xmlns:a16="http://schemas.microsoft.com/office/drawing/2014/main" id="{05316A47-1F54-4638-ABEE-B967FDBD31C9}"/>
            </a:ext>
          </a:extLst>
        </xdr:cNvPr>
        <xdr:cNvSpPr/>
      </xdr:nvSpPr>
      <xdr:spPr>
        <a:xfrm>
          <a:off x="14033500" y="5916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68887</xdr:rowOff>
    </xdr:from>
    <xdr:to>
      <xdr:col>76</xdr:col>
      <xdr:colOff>22225</xdr:colOff>
      <xdr:row>30</xdr:row>
      <xdr:rowOff>52345</xdr:rowOff>
    </xdr:to>
    <xdr:cxnSp macro="">
      <xdr:nvCxnSpPr>
        <xdr:cNvPr id="156" name="直線コネクタ 155">
          <a:extLst>
            <a:ext uri="{FF2B5EF4-FFF2-40B4-BE49-F238E27FC236}">
              <a16:creationId xmlns:a16="http://schemas.microsoft.com/office/drawing/2014/main" id="{5443B984-D3AD-4C5A-ACA1-29B33DB9694B}"/>
            </a:ext>
          </a:extLst>
        </xdr:cNvPr>
        <xdr:cNvCxnSpPr/>
      </xdr:nvCxnSpPr>
      <xdr:spPr>
        <a:xfrm flipV="1">
          <a:off x="14084300" y="5812462"/>
          <a:ext cx="711200" cy="15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60018</xdr:rowOff>
    </xdr:from>
    <xdr:to>
      <xdr:col>68</xdr:col>
      <xdr:colOff>123825</xdr:colOff>
      <xdr:row>30</xdr:row>
      <xdr:rowOff>161618</xdr:rowOff>
    </xdr:to>
    <xdr:sp macro="" textlink="">
      <xdr:nvSpPr>
        <xdr:cNvPr id="157" name="楕円 156">
          <a:extLst>
            <a:ext uri="{FF2B5EF4-FFF2-40B4-BE49-F238E27FC236}">
              <a16:creationId xmlns:a16="http://schemas.microsoft.com/office/drawing/2014/main" id="{1B4FB8D8-1134-42F0-A557-0800F40DFC56}"/>
            </a:ext>
          </a:extLst>
        </xdr:cNvPr>
        <xdr:cNvSpPr/>
      </xdr:nvSpPr>
      <xdr:spPr>
        <a:xfrm>
          <a:off x="13271500" y="597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52345</xdr:rowOff>
    </xdr:from>
    <xdr:to>
      <xdr:col>72</xdr:col>
      <xdr:colOff>73025</xdr:colOff>
      <xdr:row>30</xdr:row>
      <xdr:rowOff>110818</xdr:rowOff>
    </xdr:to>
    <xdr:cxnSp macro="">
      <xdr:nvCxnSpPr>
        <xdr:cNvPr id="158" name="直線コネクタ 157">
          <a:extLst>
            <a:ext uri="{FF2B5EF4-FFF2-40B4-BE49-F238E27FC236}">
              <a16:creationId xmlns:a16="http://schemas.microsoft.com/office/drawing/2014/main" id="{EE01D1B6-21EE-43D8-A766-41262C453D52}"/>
            </a:ext>
          </a:extLst>
        </xdr:cNvPr>
        <xdr:cNvCxnSpPr/>
      </xdr:nvCxnSpPr>
      <xdr:spPr>
        <a:xfrm flipV="1">
          <a:off x="13322300" y="5967370"/>
          <a:ext cx="762000" cy="58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92043</xdr:rowOff>
    </xdr:from>
    <xdr:to>
      <xdr:col>64</xdr:col>
      <xdr:colOff>123825</xdr:colOff>
      <xdr:row>31</xdr:row>
      <xdr:rowOff>22193</xdr:rowOff>
    </xdr:to>
    <xdr:sp macro="" textlink="">
      <xdr:nvSpPr>
        <xdr:cNvPr id="159" name="楕円 158">
          <a:extLst>
            <a:ext uri="{FF2B5EF4-FFF2-40B4-BE49-F238E27FC236}">
              <a16:creationId xmlns:a16="http://schemas.microsoft.com/office/drawing/2014/main" id="{F6B05735-92DD-47FB-B7C4-E20318CF16BE}"/>
            </a:ext>
          </a:extLst>
        </xdr:cNvPr>
        <xdr:cNvSpPr/>
      </xdr:nvSpPr>
      <xdr:spPr>
        <a:xfrm>
          <a:off x="12509500" y="6007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110818</xdr:rowOff>
    </xdr:from>
    <xdr:to>
      <xdr:col>68</xdr:col>
      <xdr:colOff>73025</xdr:colOff>
      <xdr:row>30</xdr:row>
      <xdr:rowOff>142843</xdr:rowOff>
    </xdr:to>
    <xdr:cxnSp macro="">
      <xdr:nvCxnSpPr>
        <xdr:cNvPr id="160" name="直線コネクタ 159">
          <a:extLst>
            <a:ext uri="{FF2B5EF4-FFF2-40B4-BE49-F238E27FC236}">
              <a16:creationId xmlns:a16="http://schemas.microsoft.com/office/drawing/2014/main" id="{AE64DEC0-C8D8-47FA-8864-A76E2F50F3A5}"/>
            </a:ext>
          </a:extLst>
        </xdr:cNvPr>
        <xdr:cNvCxnSpPr/>
      </xdr:nvCxnSpPr>
      <xdr:spPr>
        <a:xfrm flipV="1">
          <a:off x="12560300" y="6025843"/>
          <a:ext cx="762000" cy="32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45815</xdr:rowOff>
    </xdr:from>
    <xdr:to>
      <xdr:col>60</xdr:col>
      <xdr:colOff>123825</xdr:colOff>
      <xdr:row>31</xdr:row>
      <xdr:rowOff>147415</xdr:rowOff>
    </xdr:to>
    <xdr:sp macro="" textlink="">
      <xdr:nvSpPr>
        <xdr:cNvPr id="161" name="楕円 160">
          <a:extLst>
            <a:ext uri="{FF2B5EF4-FFF2-40B4-BE49-F238E27FC236}">
              <a16:creationId xmlns:a16="http://schemas.microsoft.com/office/drawing/2014/main" id="{5817C896-01F5-4A5F-B1E8-5B4508441A01}"/>
            </a:ext>
          </a:extLst>
        </xdr:cNvPr>
        <xdr:cNvSpPr/>
      </xdr:nvSpPr>
      <xdr:spPr>
        <a:xfrm>
          <a:off x="11747500" y="6132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142843</xdr:rowOff>
    </xdr:from>
    <xdr:to>
      <xdr:col>64</xdr:col>
      <xdr:colOff>73025</xdr:colOff>
      <xdr:row>31</xdr:row>
      <xdr:rowOff>96615</xdr:rowOff>
    </xdr:to>
    <xdr:cxnSp macro="">
      <xdr:nvCxnSpPr>
        <xdr:cNvPr id="162" name="直線コネクタ 161">
          <a:extLst>
            <a:ext uri="{FF2B5EF4-FFF2-40B4-BE49-F238E27FC236}">
              <a16:creationId xmlns:a16="http://schemas.microsoft.com/office/drawing/2014/main" id="{1686ED6C-D772-4F3A-9243-87E2D563E008}"/>
            </a:ext>
          </a:extLst>
        </xdr:cNvPr>
        <xdr:cNvCxnSpPr/>
      </xdr:nvCxnSpPr>
      <xdr:spPr>
        <a:xfrm flipV="1">
          <a:off x="11798300" y="6057868"/>
          <a:ext cx="762000" cy="125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2</xdr:row>
      <xdr:rowOff>32942</xdr:rowOff>
    </xdr:from>
    <xdr:ext cx="469744" cy="259045"/>
    <xdr:sp macro="" textlink="">
      <xdr:nvSpPr>
        <xdr:cNvPr id="163" name="n_1aveValue債務償還比率">
          <a:extLst>
            <a:ext uri="{FF2B5EF4-FFF2-40B4-BE49-F238E27FC236}">
              <a16:creationId xmlns:a16="http://schemas.microsoft.com/office/drawing/2014/main" id="{40B8B8F9-7601-4B4D-ADDB-8E1536AA2C95}"/>
            </a:ext>
          </a:extLst>
        </xdr:cNvPr>
        <xdr:cNvSpPr txBox="1"/>
      </xdr:nvSpPr>
      <xdr:spPr>
        <a:xfrm>
          <a:off x="13836727" y="629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14084</xdr:rowOff>
    </xdr:from>
    <xdr:ext cx="469744" cy="259045"/>
    <xdr:sp macro="" textlink="">
      <xdr:nvSpPr>
        <xdr:cNvPr id="164" name="n_2aveValue債務償還比率">
          <a:extLst>
            <a:ext uri="{FF2B5EF4-FFF2-40B4-BE49-F238E27FC236}">
              <a16:creationId xmlns:a16="http://schemas.microsoft.com/office/drawing/2014/main" id="{86842D2C-4EF6-41BF-872B-7FC4E010A642}"/>
            </a:ext>
          </a:extLst>
        </xdr:cNvPr>
        <xdr:cNvSpPr txBox="1"/>
      </xdr:nvSpPr>
      <xdr:spPr>
        <a:xfrm>
          <a:off x="13087427" y="6372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00411</xdr:rowOff>
    </xdr:from>
    <xdr:ext cx="469744" cy="259045"/>
    <xdr:sp macro="" textlink="">
      <xdr:nvSpPr>
        <xdr:cNvPr id="165" name="n_3aveValue債務償還比率">
          <a:extLst>
            <a:ext uri="{FF2B5EF4-FFF2-40B4-BE49-F238E27FC236}">
              <a16:creationId xmlns:a16="http://schemas.microsoft.com/office/drawing/2014/main" id="{00850418-A5B7-43B8-92DC-DBCE45DFCA96}"/>
            </a:ext>
          </a:extLst>
        </xdr:cNvPr>
        <xdr:cNvSpPr txBox="1"/>
      </xdr:nvSpPr>
      <xdr:spPr>
        <a:xfrm>
          <a:off x="12325427" y="6358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04549</xdr:rowOff>
    </xdr:from>
    <xdr:ext cx="469744" cy="259045"/>
    <xdr:sp macro="" textlink="">
      <xdr:nvSpPr>
        <xdr:cNvPr id="166" name="n_4aveValue債務償還比率">
          <a:extLst>
            <a:ext uri="{FF2B5EF4-FFF2-40B4-BE49-F238E27FC236}">
              <a16:creationId xmlns:a16="http://schemas.microsoft.com/office/drawing/2014/main" id="{DEEAE84E-930B-488B-9784-9F06F6FAB589}"/>
            </a:ext>
          </a:extLst>
        </xdr:cNvPr>
        <xdr:cNvSpPr txBox="1"/>
      </xdr:nvSpPr>
      <xdr:spPr>
        <a:xfrm>
          <a:off x="11563427" y="6362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119672</xdr:rowOff>
    </xdr:from>
    <xdr:ext cx="469744" cy="259045"/>
    <xdr:sp macro="" textlink="">
      <xdr:nvSpPr>
        <xdr:cNvPr id="167" name="n_1mainValue債務償還比率">
          <a:extLst>
            <a:ext uri="{FF2B5EF4-FFF2-40B4-BE49-F238E27FC236}">
              <a16:creationId xmlns:a16="http://schemas.microsoft.com/office/drawing/2014/main" id="{B4BCDE67-A8CE-4D29-9005-388580DE73DB}"/>
            </a:ext>
          </a:extLst>
        </xdr:cNvPr>
        <xdr:cNvSpPr txBox="1"/>
      </xdr:nvSpPr>
      <xdr:spPr>
        <a:xfrm>
          <a:off x="13836727" y="5691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6695</xdr:rowOff>
    </xdr:from>
    <xdr:ext cx="469744" cy="259045"/>
    <xdr:sp macro="" textlink="">
      <xdr:nvSpPr>
        <xdr:cNvPr id="168" name="n_2mainValue債務償還比率">
          <a:extLst>
            <a:ext uri="{FF2B5EF4-FFF2-40B4-BE49-F238E27FC236}">
              <a16:creationId xmlns:a16="http://schemas.microsoft.com/office/drawing/2014/main" id="{C52E4817-53C3-4E4C-A465-7C596697177C}"/>
            </a:ext>
          </a:extLst>
        </xdr:cNvPr>
        <xdr:cNvSpPr txBox="1"/>
      </xdr:nvSpPr>
      <xdr:spPr>
        <a:xfrm>
          <a:off x="13087427" y="5750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38720</xdr:rowOff>
    </xdr:from>
    <xdr:ext cx="469744" cy="259045"/>
    <xdr:sp macro="" textlink="">
      <xdr:nvSpPr>
        <xdr:cNvPr id="169" name="n_3mainValue債務償還比率">
          <a:extLst>
            <a:ext uri="{FF2B5EF4-FFF2-40B4-BE49-F238E27FC236}">
              <a16:creationId xmlns:a16="http://schemas.microsoft.com/office/drawing/2014/main" id="{5CE9A9BA-42AB-4CCB-9A58-23E37D4D6D4B}"/>
            </a:ext>
          </a:extLst>
        </xdr:cNvPr>
        <xdr:cNvSpPr txBox="1"/>
      </xdr:nvSpPr>
      <xdr:spPr>
        <a:xfrm>
          <a:off x="12325427" y="5782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63942</xdr:rowOff>
    </xdr:from>
    <xdr:ext cx="469744" cy="259045"/>
    <xdr:sp macro="" textlink="">
      <xdr:nvSpPr>
        <xdr:cNvPr id="170" name="n_4mainValue債務償還比率">
          <a:extLst>
            <a:ext uri="{FF2B5EF4-FFF2-40B4-BE49-F238E27FC236}">
              <a16:creationId xmlns:a16="http://schemas.microsoft.com/office/drawing/2014/main" id="{9F2A9604-17B1-4BCD-80E5-200A802CAF5A}"/>
            </a:ext>
          </a:extLst>
        </xdr:cNvPr>
        <xdr:cNvSpPr txBox="1"/>
      </xdr:nvSpPr>
      <xdr:spPr>
        <a:xfrm>
          <a:off x="11563427" y="5907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1" name="正方形/長方形 170">
          <a:extLst>
            <a:ext uri="{FF2B5EF4-FFF2-40B4-BE49-F238E27FC236}">
              <a16:creationId xmlns:a16="http://schemas.microsoft.com/office/drawing/2014/main" id="{30C0ED82-3497-4DFF-8A50-B8CF257146F1}"/>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2" name="正方形/長方形 171">
          <a:extLst>
            <a:ext uri="{FF2B5EF4-FFF2-40B4-BE49-F238E27FC236}">
              <a16:creationId xmlns:a16="http://schemas.microsoft.com/office/drawing/2014/main" id="{B20E5E63-AA26-4936-9C2D-D2C254018575}"/>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3" name="テキスト ボックス 172">
          <a:extLst>
            <a:ext uri="{FF2B5EF4-FFF2-40B4-BE49-F238E27FC236}">
              <a16:creationId xmlns:a16="http://schemas.microsoft.com/office/drawing/2014/main" id="{8691350A-C616-4C00-B8B4-02E4D9BF65F4}"/>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4" name="テキスト ボックス 173">
          <a:extLst>
            <a:ext uri="{FF2B5EF4-FFF2-40B4-BE49-F238E27FC236}">
              <a16:creationId xmlns:a16="http://schemas.microsoft.com/office/drawing/2014/main" id="{77DE2A47-D0F3-47B2-8B30-5991055E56AF}"/>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5" name="テキスト ボックス 174">
          <a:extLst>
            <a:ext uri="{FF2B5EF4-FFF2-40B4-BE49-F238E27FC236}">
              <a16:creationId xmlns:a16="http://schemas.microsoft.com/office/drawing/2014/main" id="{472BEEF2-21F6-41EA-9628-6E9074C8B2C2}"/>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6" name="テキスト ボックス 175">
          <a:extLst>
            <a:ext uri="{FF2B5EF4-FFF2-40B4-BE49-F238E27FC236}">
              <a16:creationId xmlns:a16="http://schemas.microsoft.com/office/drawing/2014/main" id="{113A05BF-2B76-4113-B4A4-2322B551C1CA}"/>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ADE0AF9F-D2AD-45BE-9052-48C604ED42C8}"/>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35A2E51-8B71-4C21-8804-41A894D9F2CA}"/>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9FB61750-B519-44E4-838A-07C6CE347D12}"/>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8518CA74-F9AB-4DF3-B70E-0CEA084D1A1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25ED53EA-716E-498D-8C55-24A6214B9F45}"/>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C66506A5-E1A5-4655-9673-2C07355B04A8}"/>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F6B7B35-88C9-4A64-B0D8-A0B99033FADC}"/>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B5484101-EEAC-40F1-8616-9D78B0B6B654}"/>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B8D65F56-619B-46FA-BF3F-99707CA8A75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E8B27935-69DE-4EB0-88E7-256AF9C7B09E}"/>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1
175,421
39.66
69,868,970
64,948,417
4,560,901
36,532,544
31,933,37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D8BD420C-DA6B-4C7F-8781-FE67310B21E9}"/>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D53742CE-3C2F-40F5-BD90-B3F89BB893D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227E7F8E-DE85-43F4-B076-CB325881CFF5}"/>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EF8E0390-762B-4FAB-B0DD-7008679A882D}"/>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903F1BA5-A58D-480D-80B3-C8D951B9C85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90133EDC-6A25-4AE1-A5B4-170B56AC3C39}"/>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557CEC7A-27EB-4E93-B40E-3DC789F759D8}"/>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B8DD9450-129A-4CC8-AD61-80E767DAF94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4717E6BD-D2C8-4055-B026-AC117A02ACEA}"/>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B85B30A4-698D-40DE-9937-E345967BE325}"/>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10AA6D8-F3BE-4C18-9F5D-A46CFAD713F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437741A7-30BC-4283-AA5A-41C0B4CB40F5}"/>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AE122C41-0362-4C83-B3EA-D416C8465B1D}"/>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260CB1F1-7F5C-483A-B404-E258F58DB38B}"/>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71C92074-0D2D-4C9A-BACE-04FDE4E50AAD}"/>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4E9749BC-D7F3-4330-83E4-414B5045E21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8394D3EF-A10F-4DD5-9AB0-A4934849D753}"/>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B638704C-4139-4690-800C-11ADE0E1D9C2}"/>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C2275BA6-FBC9-4FE3-872E-B3DF6238E014}"/>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4ECDAF02-2507-4F9A-BBBF-93A2A95FA037}"/>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2C4716B4-023A-4A6C-92CD-646668909EA1}"/>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EB8CCF90-58ED-45A6-BE24-7BF17827BCA6}"/>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39EF0643-B838-4C34-814B-05EA40AD81DA}"/>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1BFA0961-A602-44D2-BE92-75ED9492182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77E08F0A-7A5C-4B29-90BC-B7BA00DBC77D}"/>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F8A37C06-B00A-41A8-ACF1-20C22B0054F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6D7C16D6-8A70-4258-854A-7B215E573C06}"/>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8CAF8284-6696-4C61-8260-009735064823}"/>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54D715A2-7827-406E-8D07-727DC9859759}"/>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F9335158-DC53-4FC1-979C-B82F34E08A22}"/>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8F03AFC-5BCA-428D-B2FD-34D5A0A75345}"/>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6B4183A-4980-4540-9FD6-13B13A89DAF6}"/>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F39FC909-311A-4509-A221-1977250AECD8}"/>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451ACCC1-EAF0-40EC-A5EF-76455D6A1CC6}"/>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7EAB7CF2-F4E2-46B8-846E-B11E03154A60}"/>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8C4BF4CD-E6CD-4276-8646-4F7805B99F2E}"/>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84523B8A-1091-49CC-8633-E9AE9049B3F6}"/>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A5451734-F406-4950-AFF3-A6FAB51379AA}"/>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9F5AB097-EBB8-4435-9673-6B4C68D81669}"/>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678A3D81-AD32-418E-87A6-82C15E1170C4}"/>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123967D2-98F6-47CD-8C07-C10C9B3F7E99}"/>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36FA7194-2CCD-4700-B255-1249B4936E44}"/>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3970671F-8528-436F-91F2-0204358622D9}"/>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EA51BF43-D6BA-4101-936C-F9C2C40F17C7}"/>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CCCA2B2E-8E9A-4B26-970D-CCAA7BB8BD4B}"/>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a:extLst>
            <a:ext uri="{FF2B5EF4-FFF2-40B4-BE49-F238E27FC236}">
              <a16:creationId xmlns:a16="http://schemas.microsoft.com/office/drawing/2014/main" id="{AFC7590B-5D72-4A7F-BE91-F1E51B86D6CE}"/>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7417</xdr:rowOff>
    </xdr:from>
    <xdr:to>
      <xdr:col>24</xdr:col>
      <xdr:colOff>62865</xdr:colOff>
      <xdr:row>41</xdr:row>
      <xdr:rowOff>54973</xdr:rowOff>
    </xdr:to>
    <xdr:cxnSp macro="">
      <xdr:nvCxnSpPr>
        <xdr:cNvPr id="58" name="直線コネクタ 57">
          <a:extLst>
            <a:ext uri="{FF2B5EF4-FFF2-40B4-BE49-F238E27FC236}">
              <a16:creationId xmlns:a16="http://schemas.microsoft.com/office/drawing/2014/main" id="{3CACC914-87D3-48A3-8B25-F34F0B010D79}"/>
            </a:ext>
          </a:extLst>
        </xdr:cNvPr>
        <xdr:cNvCxnSpPr/>
      </xdr:nvCxnSpPr>
      <xdr:spPr>
        <a:xfrm flipV="1">
          <a:off x="4634865" y="5846717"/>
          <a:ext cx="0" cy="1237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58800</xdr:rowOff>
    </xdr:from>
    <xdr:ext cx="405111" cy="259045"/>
    <xdr:sp macro="" textlink="">
      <xdr:nvSpPr>
        <xdr:cNvPr id="59" name="【道路】&#10;有形固定資産減価償却率最小値テキスト">
          <a:extLst>
            <a:ext uri="{FF2B5EF4-FFF2-40B4-BE49-F238E27FC236}">
              <a16:creationId xmlns:a16="http://schemas.microsoft.com/office/drawing/2014/main" id="{54AFF80C-AD6D-4061-9B87-0DA9571829ED}"/>
            </a:ext>
          </a:extLst>
        </xdr:cNvPr>
        <xdr:cNvSpPr txBox="1"/>
      </xdr:nvSpPr>
      <xdr:spPr>
        <a:xfrm>
          <a:off x="4673600" y="7088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54973</xdr:rowOff>
    </xdr:from>
    <xdr:to>
      <xdr:col>24</xdr:col>
      <xdr:colOff>152400</xdr:colOff>
      <xdr:row>41</xdr:row>
      <xdr:rowOff>54973</xdr:rowOff>
    </xdr:to>
    <xdr:cxnSp macro="">
      <xdr:nvCxnSpPr>
        <xdr:cNvPr id="60" name="直線コネクタ 59">
          <a:extLst>
            <a:ext uri="{FF2B5EF4-FFF2-40B4-BE49-F238E27FC236}">
              <a16:creationId xmlns:a16="http://schemas.microsoft.com/office/drawing/2014/main" id="{5AB6EBBD-B1F7-4E78-9F8D-AA2880124C85}"/>
            </a:ext>
          </a:extLst>
        </xdr:cNvPr>
        <xdr:cNvCxnSpPr/>
      </xdr:nvCxnSpPr>
      <xdr:spPr>
        <a:xfrm>
          <a:off x="4546600" y="7084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35544</xdr:rowOff>
    </xdr:from>
    <xdr:ext cx="405111" cy="259045"/>
    <xdr:sp macro="" textlink="">
      <xdr:nvSpPr>
        <xdr:cNvPr id="61" name="【道路】&#10;有形固定資産減価償却率最大値テキスト">
          <a:extLst>
            <a:ext uri="{FF2B5EF4-FFF2-40B4-BE49-F238E27FC236}">
              <a16:creationId xmlns:a16="http://schemas.microsoft.com/office/drawing/2014/main" id="{82E8B9A5-7746-4B46-87E6-4CE3E19A5765}"/>
            </a:ext>
          </a:extLst>
        </xdr:cNvPr>
        <xdr:cNvSpPr txBox="1"/>
      </xdr:nvSpPr>
      <xdr:spPr>
        <a:xfrm>
          <a:off x="4673600" y="562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7417</xdr:rowOff>
    </xdr:from>
    <xdr:to>
      <xdr:col>24</xdr:col>
      <xdr:colOff>152400</xdr:colOff>
      <xdr:row>34</xdr:row>
      <xdr:rowOff>17417</xdr:rowOff>
    </xdr:to>
    <xdr:cxnSp macro="">
      <xdr:nvCxnSpPr>
        <xdr:cNvPr id="62" name="直線コネクタ 61">
          <a:extLst>
            <a:ext uri="{FF2B5EF4-FFF2-40B4-BE49-F238E27FC236}">
              <a16:creationId xmlns:a16="http://schemas.microsoft.com/office/drawing/2014/main" id="{7D74F0D4-A960-45E7-9932-8E4985364FDB}"/>
            </a:ext>
          </a:extLst>
        </xdr:cNvPr>
        <xdr:cNvCxnSpPr/>
      </xdr:nvCxnSpPr>
      <xdr:spPr>
        <a:xfrm>
          <a:off x="4546600" y="584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16494</xdr:rowOff>
    </xdr:from>
    <xdr:ext cx="405111" cy="259045"/>
    <xdr:sp macro="" textlink="">
      <xdr:nvSpPr>
        <xdr:cNvPr id="63" name="【道路】&#10;有形固定資産減価償却率平均値テキスト">
          <a:extLst>
            <a:ext uri="{FF2B5EF4-FFF2-40B4-BE49-F238E27FC236}">
              <a16:creationId xmlns:a16="http://schemas.microsoft.com/office/drawing/2014/main" id="{9DA0F86E-7A39-43B7-AC1E-42FD9130D9AF}"/>
            </a:ext>
          </a:extLst>
        </xdr:cNvPr>
        <xdr:cNvSpPr txBox="1"/>
      </xdr:nvSpPr>
      <xdr:spPr>
        <a:xfrm>
          <a:off x="4673600" y="663159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8067</xdr:rowOff>
    </xdr:from>
    <xdr:to>
      <xdr:col>24</xdr:col>
      <xdr:colOff>114300</xdr:colOff>
      <xdr:row>39</xdr:row>
      <xdr:rowOff>68217</xdr:rowOff>
    </xdr:to>
    <xdr:sp macro="" textlink="">
      <xdr:nvSpPr>
        <xdr:cNvPr id="64" name="フローチャート: 判断 63">
          <a:extLst>
            <a:ext uri="{FF2B5EF4-FFF2-40B4-BE49-F238E27FC236}">
              <a16:creationId xmlns:a16="http://schemas.microsoft.com/office/drawing/2014/main" id="{DFE54307-9D0C-418A-8D4B-A7203F1CFE1D}"/>
            </a:ext>
          </a:extLst>
        </xdr:cNvPr>
        <xdr:cNvSpPr/>
      </xdr:nvSpPr>
      <xdr:spPr>
        <a:xfrm>
          <a:off x="4584700" y="665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90715</xdr:rowOff>
    </xdr:from>
    <xdr:to>
      <xdr:col>20</xdr:col>
      <xdr:colOff>38100</xdr:colOff>
      <xdr:row>39</xdr:row>
      <xdr:rowOff>20865</xdr:rowOff>
    </xdr:to>
    <xdr:sp macro="" textlink="">
      <xdr:nvSpPr>
        <xdr:cNvPr id="65" name="フローチャート: 判断 64">
          <a:extLst>
            <a:ext uri="{FF2B5EF4-FFF2-40B4-BE49-F238E27FC236}">
              <a16:creationId xmlns:a16="http://schemas.microsoft.com/office/drawing/2014/main" id="{E713DB8A-39D6-4610-9147-808379519595}"/>
            </a:ext>
          </a:extLst>
        </xdr:cNvPr>
        <xdr:cNvSpPr/>
      </xdr:nvSpPr>
      <xdr:spPr>
        <a:xfrm>
          <a:off x="3746500" y="660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66222</xdr:rowOff>
    </xdr:from>
    <xdr:to>
      <xdr:col>15</xdr:col>
      <xdr:colOff>101600</xdr:colOff>
      <xdr:row>38</xdr:row>
      <xdr:rowOff>167822</xdr:rowOff>
    </xdr:to>
    <xdr:sp macro="" textlink="">
      <xdr:nvSpPr>
        <xdr:cNvPr id="66" name="フローチャート: 判断 65">
          <a:extLst>
            <a:ext uri="{FF2B5EF4-FFF2-40B4-BE49-F238E27FC236}">
              <a16:creationId xmlns:a16="http://schemas.microsoft.com/office/drawing/2014/main" id="{CF5FAB10-232C-4475-9D03-E36A00C3F9BF}"/>
            </a:ext>
          </a:extLst>
        </xdr:cNvPr>
        <xdr:cNvSpPr/>
      </xdr:nvSpPr>
      <xdr:spPr>
        <a:xfrm>
          <a:off x="2857500" y="658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46627</xdr:rowOff>
    </xdr:from>
    <xdr:to>
      <xdr:col>10</xdr:col>
      <xdr:colOff>165100</xdr:colOff>
      <xdr:row>38</xdr:row>
      <xdr:rowOff>148227</xdr:rowOff>
    </xdr:to>
    <xdr:sp macro="" textlink="">
      <xdr:nvSpPr>
        <xdr:cNvPr id="67" name="フローチャート: 判断 66">
          <a:extLst>
            <a:ext uri="{FF2B5EF4-FFF2-40B4-BE49-F238E27FC236}">
              <a16:creationId xmlns:a16="http://schemas.microsoft.com/office/drawing/2014/main" id="{7346E621-2F16-4F97-B756-A48237158C7D}"/>
            </a:ext>
          </a:extLst>
        </xdr:cNvPr>
        <xdr:cNvSpPr/>
      </xdr:nvSpPr>
      <xdr:spPr>
        <a:xfrm>
          <a:off x="1968500" y="656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30299</xdr:rowOff>
    </xdr:from>
    <xdr:to>
      <xdr:col>6</xdr:col>
      <xdr:colOff>38100</xdr:colOff>
      <xdr:row>38</xdr:row>
      <xdr:rowOff>131899</xdr:rowOff>
    </xdr:to>
    <xdr:sp macro="" textlink="">
      <xdr:nvSpPr>
        <xdr:cNvPr id="68" name="フローチャート: 判断 67">
          <a:extLst>
            <a:ext uri="{FF2B5EF4-FFF2-40B4-BE49-F238E27FC236}">
              <a16:creationId xmlns:a16="http://schemas.microsoft.com/office/drawing/2014/main" id="{007AA319-75FB-4520-B788-54E1EA202771}"/>
            </a:ext>
          </a:extLst>
        </xdr:cNvPr>
        <xdr:cNvSpPr/>
      </xdr:nvSpPr>
      <xdr:spPr>
        <a:xfrm>
          <a:off x="1079500" y="654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911973D5-C8C4-4257-9A0A-101FD93EC2A5}"/>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F936D263-0F3F-45F0-BDD7-76E5B00735F8}"/>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B2365A42-5ED7-46CB-8477-A046094ECD08}"/>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3D7D4C44-3D00-48BF-9B0A-3428C3CC8F8E}"/>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11126C0A-7F0B-4B0C-A796-6B3B0A20E0C2}"/>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9893</xdr:rowOff>
    </xdr:from>
    <xdr:to>
      <xdr:col>24</xdr:col>
      <xdr:colOff>114300</xdr:colOff>
      <xdr:row>38</xdr:row>
      <xdr:rowOff>151493</xdr:rowOff>
    </xdr:to>
    <xdr:sp macro="" textlink="">
      <xdr:nvSpPr>
        <xdr:cNvPr id="74" name="楕円 73">
          <a:extLst>
            <a:ext uri="{FF2B5EF4-FFF2-40B4-BE49-F238E27FC236}">
              <a16:creationId xmlns:a16="http://schemas.microsoft.com/office/drawing/2014/main" id="{E4146828-3104-4191-92AC-A6BB642262A1}"/>
            </a:ext>
          </a:extLst>
        </xdr:cNvPr>
        <xdr:cNvSpPr/>
      </xdr:nvSpPr>
      <xdr:spPr>
        <a:xfrm>
          <a:off x="4584700" y="6564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72770</xdr:rowOff>
    </xdr:from>
    <xdr:ext cx="405111" cy="259045"/>
    <xdr:sp macro="" textlink="">
      <xdr:nvSpPr>
        <xdr:cNvPr id="75" name="【道路】&#10;有形固定資産減価償却率該当値テキスト">
          <a:extLst>
            <a:ext uri="{FF2B5EF4-FFF2-40B4-BE49-F238E27FC236}">
              <a16:creationId xmlns:a16="http://schemas.microsoft.com/office/drawing/2014/main" id="{0F9EE8B5-AAA4-46EE-87E4-8543DDA3E1BA}"/>
            </a:ext>
          </a:extLst>
        </xdr:cNvPr>
        <xdr:cNvSpPr txBox="1"/>
      </xdr:nvSpPr>
      <xdr:spPr>
        <a:xfrm>
          <a:off x="4673600" y="6416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7235</xdr:rowOff>
    </xdr:from>
    <xdr:to>
      <xdr:col>20</xdr:col>
      <xdr:colOff>38100</xdr:colOff>
      <xdr:row>38</xdr:row>
      <xdr:rowOff>118835</xdr:rowOff>
    </xdr:to>
    <xdr:sp macro="" textlink="">
      <xdr:nvSpPr>
        <xdr:cNvPr id="76" name="楕円 75">
          <a:extLst>
            <a:ext uri="{FF2B5EF4-FFF2-40B4-BE49-F238E27FC236}">
              <a16:creationId xmlns:a16="http://schemas.microsoft.com/office/drawing/2014/main" id="{0BD733AA-6278-4B9C-8C6D-C6F8D67266E9}"/>
            </a:ext>
          </a:extLst>
        </xdr:cNvPr>
        <xdr:cNvSpPr/>
      </xdr:nvSpPr>
      <xdr:spPr>
        <a:xfrm>
          <a:off x="3746500" y="6532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68035</xdr:rowOff>
    </xdr:from>
    <xdr:to>
      <xdr:col>24</xdr:col>
      <xdr:colOff>63500</xdr:colOff>
      <xdr:row>38</xdr:row>
      <xdr:rowOff>100693</xdr:rowOff>
    </xdr:to>
    <xdr:cxnSp macro="">
      <xdr:nvCxnSpPr>
        <xdr:cNvPr id="77" name="直線コネクタ 76">
          <a:extLst>
            <a:ext uri="{FF2B5EF4-FFF2-40B4-BE49-F238E27FC236}">
              <a16:creationId xmlns:a16="http://schemas.microsoft.com/office/drawing/2014/main" id="{2B58B285-7627-43A6-B2D6-CDB79C227A3C}"/>
            </a:ext>
          </a:extLst>
        </xdr:cNvPr>
        <xdr:cNvCxnSpPr/>
      </xdr:nvCxnSpPr>
      <xdr:spPr>
        <a:xfrm>
          <a:off x="3797300" y="6583135"/>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4396</xdr:rowOff>
    </xdr:from>
    <xdr:to>
      <xdr:col>15</xdr:col>
      <xdr:colOff>101600</xdr:colOff>
      <xdr:row>38</xdr:row>
      <xdr:rowOff>84545</xdr:rowOff>
    </xdr:to>
    <xdr:sp macro="" textlink="">
      <xdr:nvSpPr>
        <xdr:cNvPr id="78" name="楕円 77">
          <a:extLst>
            <a:ext uri="{FF2B5EF4-FFF2-40B4-BE49-F238E27FC236}">
              <a16:creationId xmlns:a16="http://schemas.microsoft.com/office/drawing/2014/main" id="{B70FC0CF-136A-4657-A824-41FD1B6BBE5D}"/>
            </a:ext>
          </a:extLst>
        </xdr:cNvPr>
        <xdr:cNvSpPr/>
      </xdr:nvSpPr>
      <xdr:spPr>
        <a:xfrm>
          <a:off x="2857500" y="649804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3746</xdr:rowOff>
    </xdr:from>
    <xdr:to>
      <xdr:col>19</xdr:col>
      <xdr:colOff>177800</xdr:colOff>
      <xdr:row>38</xdr:row>
      <xdr:rowOff>68035</xdr:rowOff>
    </xdr:to>
    <xdr:cxnSp macro="">
      <xdr:nvCxnSpPr>
        <xdr:cNvPr id="79" name="直線コネクタ 78">
          <a:extLst>
            <a:ext uri="{FF2B5EF4-FFF2-40B4-BE49-F238E27FC236}">
              <a16:creationId xmlns:a16="http://schemas.microsoft.com/office/drawing/2014/main" id="{1C06DEE2-E45A-4FF2-A35F-F27CD6E7A707}"/>
            </a:ext>
          </a:extLst>
        </xdr:cNvPr>
        <xdr:cNvCxnSpPr/>
      </xdr:nvCxnSpPr>
      <xdr:spPr>
        <a:xfrm>
          <a:off x="2908300" y="6548846"/>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25004</xdr:rowOff>
    </xdr:from>
    <xdr:to>
      <xdr:col>10</xdr:col>
      <xdr:colOff>165100</xdr:colOff>
      <xdr:row>38</xdr:row>
      <xdr:rowOff>55155</xdr:rowOff>
    </xdr:to>
    <xdr:sp macro="" textlink="">
      <xdr:nvSpPr>
        <xdr:cNvPr id="80" name="楕円 79">
          <a:extLst>
            <a:ext uri="{FF2B5EF4-FFF2-40B4-BE49-F238E27FC236}">
              <a16:creationId xmlns:a16="http://schemas.microsoft.com/office/drawing/2014/main" id="{B304D034-C969-49E8-811A-09420DBE5482}"/>
            </a:ext>
          </a:extLst>
        </xdr:cNvPr>
        <xdr:cNvSpPr/>
      </xdr:nvSpPr>
      <xdr:spPr>
        <a:xfrm>
          <a:off x="1968500" y="646865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4354</xdr:rowOff>
    </xdr:from>
    <xdr:to>
      <xdr:col>15</xdr:col>
      <xdr:colOff>50800</xdr:colOff>
      <xdr:row>38</xdr:row>
      <xdr:rowOff>33746</xdr:rowOff>
    </xdr:to>
    <xdr:cxnSp macro="">
      <xdr:nvCxnSpPr>
        <xdr:cNvPr id="81" name="直線コネクタ 80">
          <a:extLst>
            <a:ext uri="{FF2B5EF4-FFF2-40B4-BE49-F238E27FC236}">
              <a16:creationId xmlns:a16="http://schemas.microsoft.com/office/drawing/2014/main" id="{F771F6C4-B3D5-4A6E-A21C-A7A9B7895897}"/>
            </a:ext>
          </a:extLst>
        </xdr:cNvPr>
        <xdr:cNvCxnSpPr/>
      </xdr:nvCxnSpPr>
      <xdr:spPr>
        <a:xfrm>
          <a:off x="2019300" y="6519454"/>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95613</xdr:rowOff>
    </xdr:from>
    <xdr:to>
      <xdr:col>6</xdr:col>
      <xdr:colOff>38100</xdr:colOff>
      <xdr:row>38</xdr:row>
      <xdr:rowOff>25763</xdr:rowOff>
    </xdr:to>
    <xdr:sp macro="" textlink="">
      <xdr:nvSpPr>
        <xdr:cNvPr id="82" name="楕円 81">
          <a:extLst>
            <a:ext uri="{FF2B5EF4-FFF2-40B4-BE49-F238E27FC236}">
              <a16:creationId xmlns:a16="http://schemas.microsoft.com/office/drawing/2014/main" id="{97ED193C-9579-43D7-B030-DCE62035FBFB}"/>
            </a:ext>
          </a:extLst>
        </xdr:cNvPr>
        <xdr:cNvSpPr/>
      </xdr:nvSpPr>
      <xdr:spPr>
        <a:xfrm>
          <a:off x="1079500" y="643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46413</xdr:rowOff>
    </xdr:from>
    <xdr:to>
      <xdr:col>10</xdr:col>
      <xdr:colOff>114300</xdr:colOff>
      <xdr:row>38</xdr:row>
      <xdr:rowOff>4354</xdr:rowOff>
    </xdr:to>
    <xdr:cxnSp macro="">
      <xdr:nvCxnSpPr>
        <xdr:cNvPr id="83" name="直線コネクタ 82">
          <a:extLst>
            <a:ext uri="{FF2B5EF4-FFF2-40B4-BE49-F238E27FC236}">
              <a16:creationId xmlns:a16="http://schemas.microsoft.com/office/drawing/2014/main" id="{C6FC35DB-E3CD-4BEA-BCC5-9E7E2E6B7854}"/>
            </a:ext>
          </a:extLst>
        </xdr:cNvPr>
        <xdr:cNvCxnSpPr/>
      </xdr:nvCxnSpPr>
      <xdr:spPr>
        <a:xfrm>
          <a:off x="1130300" y="6490063"/>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1992</xdr:rowOff>
    </xdr:from>
    <xdr:ext cx="405111" cy="259045"/>
    <xdr:sp macro="" textlink="">
      <xdr:nvSpPr>
        <xdr:cNvPr id="84" name="n_1aveValue【道路】&#10;有形固定資産減価償却率">
          <a:extLst>
            <a:ext uri="{FF2B5EF4-FFF2-40B4-BE49-F238E27FC236}">
              <a16:creationId xmlns:a16="http://schemas.microsoft.com/office/drawing/2014/main" id="{B904C59E-3609-45AA-B171-8E3CE1C40287}"/>
            </a:ext>
          </a:extLst>
        </xdr:cNvPr>
        <xdr:cNvSpPr txBox="1"/>
      </xdr:nvSpPr>
      <xdr:spPr>
        <a:xfrm>
          <a:off x="3582044" y="669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58949</xdr:rowOff>
    </xdr:from>
    <xdr:ext cx="405111" cy="259045"/>
    <xdr:sp macro="" textlink="">
      <xdr:nvSpPr>
        <xdr:cNvPr id="85" name="n_2aveValue【道路】&#10;有形固定資産減価償却率">
          <a:extLst>
            <a:ext uri="{FF2B5EF4-FFF2-40B4-BE49-F238E27FC236}">
              <a16:creationId xmlns:a16="http://schemas.microsoft.com/office/drawing/2014/main" id="{EE263AE6-F705-4375-9DCB-1FA2F0020CA0}"/>
            </a:ext>
          </a:extLst>
        </xdr:cNvPr>
        <xdr:cNvSpPr txBox="1"/>
      </xdr:nvSpPr>
      <xdr:spPr>
        <a:xfrm>
          <a:off x="27057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39354</xdr:rowOff>
    </xdr:from>
    <xdr:ext cx="405111" cy="259045"/>
    <xdr:sp macro="" textlink="">
      <xdr:nvSpPr>
        <xdr:cNvPr id="86" name="n_3aveValue【道路】&#10;有形固定資産減価償却率">
          <a:extLst>
            <a:ext uri="{FF2B5EF4-FFF2-40B4-BE49-F238E27FC236}">
              <a16:creationId xmlns:a16="http://schemas.microsoft.com/office/drawing/2014/main" id="{229E4B95-7541-4B38-BDF0-080D5EF489F1}"/>
            </a:ext>
          </a:extLst>
        </xdr:cNvPr>
        <xdr:cNvSpPr txBox="1"/>
      </xdr:nvSpPr>
      <xdr:spPr>
        <a:xfrm>
          <a:off x="1816744" y="66544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23026</xdr:rowOff>
    </xdr:from>
    <xdr:ext cx="405111" cy="259045"/>
    <xdr:sp macro="" textlink="">
      <xdr:nvSpPr>
        <xdr:cNvPr id="87" name="n_4aveValue【道路】&#10;有形固定資産減価償却率">
          <a:extLst>
            <a:ext uri="{FF2B5EF4-FFF2-40B4-BE49-F238E27FC236}">
              <a16:creationId xmlns:a16="http://schemas.microsoft.com/office/drawing/2014/main" id="{1B9BA810-A136-401B-9430-865C3C23AC86}"/>
            </a:ext>
          </a:extLst>
        </xdr:cNvPr>
        <xdr:cNvSpPr txBox="1"/>
      </xdr:nvSpPr>
      <xdr:spPr>
        <a:xfrm>
          <a:off x="927744" y="663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35363</xdr:rowOff>
    </xdr:from>
    <xdr:ext cx="405111" cy="259045"/>
    <xdr:sp macro="" textlink="">
      <xdr:nvSpPr>
        <xdr:cNvPr id="88" name="n_1mainValue【道路】&#10;有形固定資産減価償却率">
          <a:extLst>
            <a:ext uri="{FF2B5EF4-FFF2-40B4-BE49-F238E27FC236}">
              <a16:creationId xmlns:a16="http://schemas.microsoft.com/office/drawing/2014/main" id="{8D8A0045-ACCB-43BC-84FF-EE26B2DC0B85}"/>
            </a:ext>
          </a:extLst>
        </xdr:cNvPr>
        <xdr:cNvSpPr txBox="1"/>
      </xdr:nvSpPr>
      <xdr:spPr>
        <a:xfrm>
          <a:off x="3582044" y="6307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01073</xdr:rowOff>
    </xdr:from>
    <xdr:ext cx="405111" cy="259045"/>
    <xdr:sp macro="" textlink="">
      <xdr:nvSpPr>
        <xdr:cNvPr id="89" name="n_2mainValue【道路】&#10;有形固定資産減価償却率">
          <a:extLst>
            <a:ext uri="{FF2B5EF4-FFF2-40B4-BE49-F238E27FC236}">
              <a16:creationId xmlns:a16="http://schemas.microsoft.com/office/drawing/2014/main" id="{405C2B74-9E4D-4A0E-87CF-9E9E3E485BBD}"/>
            </a:ext>
          </a:extLst>
        </xdr:cNvPr>
        <xdr:cNvSpPr txBox="1"/>
      </xdr:nvSpPr>
      <xdr:spPr>
        <a:xfrm>
          <a:off x="2705744" y="6273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71681</xdr:rowOff>
    </xdr:from>
    <xdr:ext cx="405111" cy="259045"/>
    <xdr:sp macro="" textlink="">
      <xdr:nvSpPr>
        <xdr:cNvPr id="90" name="n_3mainValue【道路】&#10;有形固定資産減価償却率">
          <a:extLst>
            <a:ext uri="{FF2B5EF4-FFF2-40B4-BE49-F238E27FC236}">
              <a16:creationId xmlns:a16="http://schemas.microsoft.com/office/drawing/2014/main" id="{FDF8BB07-519F-42E9-BD2C-92254A333BE7}"/>
            </a:ext>
          </a:extLst>
        </xdr:cNvPr>
        <xdr:cNvSpPr txBox="1"/>
      </xdr:nvSpPr>
      <xdr:spPr>
        <a:xfrm>
          <a:off x="1816744" y="6243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42290</xdr:rowOff>
    </xdr:from>
    <xdr:ext cx="405111" cy="259045"/>
    <xdr:sp macro="" textlink="">
      <xdr:nvSpPr>
        <xdr:cNvPr id="91" name="n_4mainValue【道路】&#10;有形固定資産減価償却率">
          <a:extLst>
            <a:ext uri="{FF2B5EF4-FFF2-40B4-BE49-F238E27FC236}">
              <a16:creationId xmlns:a16="http://schemas.microsoft.com/office/drawing/2014/main" id="{A90A656C-6666-48F1-80DD-90102750AD69}"/>
            </a:ext>
          </a:extLst>
        </xdr:cNvPr>
        <xdr:cNvSpPr txBox="1"/>
      </xdr:nvSpPr>
      <xdr:spPr>
        <a:xfrm>
          <a:off x="927744" y="621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2966F1D0-E0CB-45EC-9982-E629E546DE4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8353A9D2-35A3-4BA0-8754-E2955E6FEDB4}"/>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9944AA32-4717-4669-919F-43D1654C164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EF4EB579-08CC-405D-A41C-165A2061E8A2}"/>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AA9F5606-88C5-432B-9E02-06944E59326E}"/>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27A9C11D-8C80-40C4-BBF0-09E2490A14BA}"/>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AB8BFB20-5A11-4DB2-8DE1-74A79A27D6C1}"/>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36DF10C2-0963-4F4A-9C7B-D615C4E1A9AC}"/>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a:extLst>
            <a:ext uri="{FF2B5EF4-FFF2-40B4-BE49-F238E27FC236}">
              <a16:creationId xmlns:a16="http://schemas.microsoft.com/office/drawing/2014/main" id="{718A8A7D-766F-453A-A711-C36F8ABC5E18}"/>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A5A42BAE-4C74-429A-B9DD-EE87A64CF0E1}"/>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a:extLst>
            <a:ext uri="{FF2B5EF4-FFF2-40B4-BE49-F238E27FC236}">
              <a16:creationId xmlns:a16="http://schemas.microsoft.com/office/drawing/2014/main" id="{BCE5AB11-89AE-44C1-84F9-27FF4D0A74B8}"/>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a:extLst>
            <a:ext uri="{FF2B5EF4-FFF2-40B4-BE49-F238E27FC236}">
              <a16:creationId xmlns:a16="http://schemas.microsoft.com/office/drawing/2014/main" id="{FBCAA705-EA13-4B89-BB70-8FA87219420D}"/>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a:extLst>
            <a:ext uri="{FF2B5EF4-FFF2-40B4-BE49-F238E27FC236}">
              <a16:creationId xmlns:a16="http://schemas.microsoft.com/office/drawing/2014/main" id="{831B8B07-A9C4-45F0-8889-A9AE83447F1A}"/>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5" name="テキスト ボックス 104">
          <a:extLst>
            <a:ext uri="{FF2B5EF4-FFF2-40B4-BE49-F238E27FC236}">
              <a16:creationId xmlns:a16="http://schemas.microsoft.com/office/drawing/2014/main" id="{3B92DA0B-CBFB-49B2-BEB9-1D0352952C82}"/>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a:extLst>
            <a:ext uri="{FF2B5EF4-FFF2-40B4-BE49-F238E27FC236}">
              <a16:creationId xmlns:a16="http://schemas.microsoft.com/office/drawing/2014/main" id="{C076B021-D08A-422B-8C8F-4D142DF5A41E}"/>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7" name="テキスト ボックス 106">
          <a:extLst>
            <a:ext uri="{FF2B5EF4-FFF2-40B4-BE49-F238E27FC236}">
              <a16:creationId xmlns:a16="http://schemas.microsoft.com/office/drawing/2014/main" id="{06573542-49F7-4AB1-BA1B-18D6A191EF97}"/>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a:extLst>
            <a:ext uri="{FF2B5EF4-FFF2-40B4-BE49-F238E27FC236}">
              <a16:creationId xmlns:a16="http://schemas.microsoft.com/office/drawing/2014/main" id="{FA3B0438-2B7E-4934-9E98-77FD9803524B}"/>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9" name="テキスト ボックス 108">
          <a:extLst>
            <a:ext uri="{FF2B5EF4-FFF2-40B4-BE49-F238E27FC236}">
              <a16:creationId xmlns:a16="http://schemas.microsoft.com/office/drawing/2014/main" id="{1621314E-DF57-4370-B6DF-1F2C47EB369E}"/>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id="{FC40E7C6-AF0A-4DC2-B52A-DCBD353B0923}"/>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1" name="テキスト ボックス 110">
          <a:extLst>
            <a:ext uri="{FF2B5EF4-FFF2-40B4-BE49-F238E27FC236}">
              <a16:creationId xmlns:a16="http://schemas.microsoft.com/office/drawing/2014/main" id="{032C9CA2-6A28-4C3C-8134-CE2E71009553}"/>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道路】&#10;一人当たり延長グラフ枠">
          <a:extLst>
            <a:ext uri="{FF2B5EF4-FFF2-40B4-BE49-F238E27FC236}">
              <a16:creationId xmlns:a16="http://schemas.microsoft.com/office/drawing/2014/main" id="{876E3C15-07B3-4D91-A7EE-F8EEE44EBDDA}"/>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8857</xdr:rowOff>
    </xdr:from>
    <xdr:to>
      <xdr:col>54</xdr:col>
      <xdr:colOff>189865</xdr:colOff>
      <xdr:row>41</xdr:row>
      <xdr:rowOff>93848</xdr:rowOff>
    </xdr:to>
    <xdr:cxnSp macro="">
      <xdr:nvCxnSpPr>
        <xdr:cNvPr id="113" name="直線コネクタ 112">
          <a:extLst>
            <a:ext uri="{FF2B5EF4-FFF2-40B4-BE49-F238E27FC236}">
              <a16:creationId xmlns:a16="http://schemas.microsoft.com/office/drawing/2014/main" id="{FE5050C0-4B86-47E4-A895-C38AF6AD1119}"/>
            </a:ext>
          </a:extLst>
        </xdr:cNvPr>
        <xdr:cNvCxnSpPr/>
      </xdr:nvCxnSpPr>
      <xdr:spPr>
        <a:xfrm flipV="1">
          <a:off x="10476865" y="5948157"/>
          <a:ext cx="0" cy="11751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7675</xdr:rowOff>
    </xdr:from>
    <xdr:ext cx="469744" cy="259045"/>
    <xdr:sp macro="" textlink="">
      <xdr:nvSpPr>
        <xdr:cNvPr id="114" name="【道路】&#10;一人当たり延長最小値テキスト">
          <a:extLst>
            <a:ext uri="{FF2B5EF4-FFF2-40B4-BE49-F238E27FC236}">
              <a16:creationId xmlns:a16="http://schemas.microsoft.com/office/drawing/2014/main" id="{3B9306CF-81D8-48BA-9EF3-BB35BE4CDBB9}"/>
            </a:ext>
          </a:extLst>
        </xdr:cNvPr>
        <xdr:cNvSpPr txBox="1"/>
      </xdr:nvSpPr>
      <xdr:spPr>
        <a:xfrm>
          <a:off x="10515600" y="7127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3848</xdr:rowOff>
    </xdr:from>
    <xdr:to>
      <xdr:col>55</xdr:col>
      <xdr:colOff>88900</xdr:colOff>
      <xdr:row>41</xdr:row>
      <xdr:rowOff>93848</xdr:rowOff>
    </xdr:to>
    <xdr:cxnSp macro="">
      <xdr:nvCxnSpPr>
        <xdr:cNvPr id="115" name="直線コネクタ 114">
          <a:extLst>
            <a:ext uri="{FF2B5EF4-FFF2-40B4-BE49-F238E27FC236}">
              <a16:creationId xmlns:a16="http://schemas.microsoft.com/office/drawing/2014/main" id="{69C64038-F761-4F24-9B89-87B041ED54A5}"/>
            </a:ext>
          </a:extLst>
        </xdr:cNvPr>
        <xdr:cNvCxnSpPr/>
      </xdr:nvCxnSpPr>
      <xdr:spPr>
        <a:xfrm>
          <a:off x="10388600" y="7123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65534</xdr:rowOff>
    </xdr:from>
    <xdr:ext cx="534377" cy="259045"/>
    <xdr:sp macro="" textlink="">
      <xdr:nvSpPr>
        <xdr:cNvPr id="116" name="【道路】&#10;一人当たり延長最大値テキスト">
          <a:extLst>
            <a:ext uri="{FF2B5EF4-FFF2-40B4-BE49-F238E27FC236}">
              <a16:creationId xmlns:a16="http://schemas.microsoft.com/office/drawing/2014/main" id="{3F8FF354-A80A-458E-B3CF-1E7D2E078D39}"/>
            </a:ext>
          </a:extLst>
        </xdr:cNvPr>
        <xdr:cNvSpPr txBox="1"/>
      </xdr:nvSpPr>
      <xdr:spPr>
        <a:xfrm>
          <a:off x="10515600" y="572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8857</xdr:rowOff>
    </xdr:from>
    <xdr:to>
      <xdr:col>55</xdr:col>
      <xdr:colOff>88900</xdr:colOff>
      <xdr:row>34</xdr:row>
      <xdr:rowOff>118857</xdr:rowOff>
    </xdr:to>
    <xdr:cxnSp macro="">
      <xdr:nvCxnSpPr>
        <xdr:cNvPr id="117" name="直線コネクタ 116">
          <a:extLst>
            <a:ext uri="{FF2B5EF4-FFF2-40B4-BE49-F238E27FC236}">
              <a16:creationId xmlns:a16="http://schemas.microsoft.com/office/drawing/2014/main" id="{BA4D99F3-2C62-46B4-8D50-AEF6AB04B425}"/>
            </a:ext>
          </a:extLst>
        </xdr:cNvPr>
        <xdr:cNvCxnSpPr/>
      </xdr:nvCxnSpPr>
      <xdr:spPr>
        <a:xfrm>
          <a:off x="10388600" y="5948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88191</xdr:rowOff>
    </xdr:from>
    <xdr:ext cx="469744" cy="259045"/>
    <xdr:sp macro="" textlink="">
      <xdr:nvSpPr>
        <xdr:cNvPr id="118" name="【道路】&#10;一人当たり延長平均値テキスト">
          <a:extLst>
            <a:ext uri="{FF2B5EF4-FFF2-40B4-BE49-F238E27FC236}">
              <a16:creationId xmlns:a16="http://schemas.microsoft.com/office/drawing/2014/main" id="{FEFF9240-53B7-48B1-8F42-2FEAA9F44C28}"/>
            </a:ext>
          </a:extLst>
        </xdr:cNvPr>
        <xdr:cNvSpPr txBox="1"/>
      </xdr:nvSpPr>
      <xdr:spPr>
        <a:xfrm>
          <a:off x="10515600" y="67747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5314</xdr:rowOff>
    </xdr:from>
    <xdr:to>
      <xdr:col>55</xdr:col>
      <xdr:colOff>50800</xdr:colOff>
      <xdr:row>40</xdr:row>
      <xdr:rowOff>166914</xdr:rowOff>
    </xdr:to>
    <xdr:sp macro="" textlink="">
      <xdr:nvSpPr>
        <xdr:cNvPr id="119" name="フローチャート: 判断 118">
          <a:extLst>
            <a:ext uri="{FF2B5EF4-FFF2-40B4-BE49-F238E27FC236}">
              <a16:creationId xmlns:a16="http://schemas.microsoft.com/office/drawing/2014/main" id="{0C0A4D80-23FF-4D02-8939-8083DA0D2F17}"/>
            </a:ext>
          </a:extLst>
        </xdr:cNvPr>
        <xdr:cNvSpPr/>
      </xdr:nvSpPr>
      <xdr:spPr>
        <a:xfrm>
          <a:off x="10426700" y="692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5953</xdr:rowOff>
    </xdr:from>
    <xdr:to>
      <xdr:col>50</xdr:col>
      <xdr:colOff>165100</xdr:colOff>
      <xdr:row>40</xdr:row>
      <xdr:rowOff>167553</xdr:rowOff>
    </xdr:to>
    <xdr:sp macro="" textlink="">
      <xdr:nvSpPr>
        <xdr:cNvPr id="120" name="フローチャート: 判断 119">
          <a:extLst>
            <a:ext uri="{FF2B5EF4-FFF2-40B4-BE49-F238E27FC236}">
              <a16:creationId xmlns:a16="http://schemas.microsoft.com/office/drawing/2014/main" id="{563DCCFA-B051-4674-95BF-AA4CB444C189}"/>
            </a:ext>
          </a:extLst>
        </xdr:cNvPr>
        <xdr:cNvSpPr/>
      </xdr:nvSpPr>
      <xdr:spPr>
        <a:xfrm>
          <a:off x="9588500" y="6923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56993</xdr:rowOff>
    </xdr:from>
    <xdr:to>
      <xdr:col>46</xdr:col>
      <xdr:colOff>38100</xdr:colOff>
      <xdr:row>40</xdr:row>
      <xdr:rowOff>158593</xdr:rowOff>
    </xdr:to>
    <xdr:sp macro="" textlink="">
      <xdr:nvSpPr>
        <xdr:cNvPr id="121" name="フローチャート: 判断 120">
          <a:extLst>
            <a:ext uri="{FF2B5EF4-FFF2-40B4-BE49-F238E27FC236}">
              <a16:creationId xmlns:a16="http://schemas.microsoft.com/office/drawing/2014/main" id="{FD7B0270-53EC-49CA-AAB4-67D639EE8ECD}"/>
            </a:ext>
          </a:extLst>
        </xdr:cNvPr>
        <xdr:cNvSpPr/>
      </xdr:nvSpPr>
      <xdr:spPr>
        <a:xfrm>
          <a:off x="8699500" y="691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56947</xdr:rowOff>
    </xdr:from>
    <xdr:to>
      <xdr:col>41</xdr:col>
      <xdr:colOff>101600</xdr:colOff>
      <xdr:row>40</xdr:row>
      <xdr:rowOff>158547</xdr:rowOff>
    </xdr:to>
    <xdr:sp macro="" textlink="">
      <xdr:nvSpPr>
        <xdr:cNvPr id="122" name="フローチャート: 判断 121">
          <a:extLst>
            <a:ext uri="{FF2B5EF4-FFF2-40B4-BE49-F238E27FC236}">
              <a16:creationId xmlns:a16="http://schemas.microsoft.com/office/drawing/2014/main" id="{13E185FF-8E00-4404-83F4-482CF6A08D94}"/>
            </a:ext>
          </a:extLst>
        </xdr:cNvPr>
        <xdr:cNvSpPr/>
      </xdr:nvSpPr>
      <xdr:spPr>
        <a:xfrm>
          <a:off x="7810500" y="69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61153</xdr:rowOff>
    </xdr:from>
    <xdr:to>
      <xdr:col>36</xdr:col>
      <xdr:colOff>165100</xdr:colOff>
      <xdr:row>40</xdr:row>
      <xdr:rowOff>162753</xdr:rowOff>
    </xdr:to>
    <xdr:sp macro="" textlink="">
      <xdr:nvSpPr>
        <xdr:cNvPr id="123" name="フローチャート: 判断 122">
          <a:extLst>
            <a:ext uri="{FF2B5EF4-FFF2-40B4-BE49-F238E27FC236}">
              <a16:creationId xmlns:a16="http://schemas.microsoft.com/office/drawing/2014/main" id="{75BC442D-EEAF-4795-81A8-C83C4A104876}"/>
            </a:ext>
          </a:extLst>
        </xdr:cNvPr>
        <xdr:cNvSpPr/>
      </xdr:nvSpPr>
      <xdr:spPr>
        <a:xfrm>
          <a:off x="6921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449D85EE-54C9-4503-8995-33DE82DA988A}"/>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C1BA4804-B80C-4DB3-9851-16A349CA2A2D}"/>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5342457B-9CB1-44FF-A696-76D765F5036A}"/>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DD853FE6-76A5-4345-80AE-475ABDBE152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9D3C907E-8DD3-4B37-A6FA-C5DBD59CE23A}"/>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523</xdr:rowOff>
    </xdr:from>
    <xdr:to>
      <xdr:col>55</xdr:col>
      <xdr:colOff>50800</xdr:colOff>
      <xdr:row>41</xdr:row>
      <xdr:rowOff>23673</xdr:rowOff>
    </xdr:to>
    <xdr:sp macro="" textlink="">
      <xdr:nvSpPr>
        <xdr:cNvPr id="129" name="楕円 128">
          <a:extLst>
            <a:ext uri="{FF2B5EF4-FFF2-40B4-BE49-F238E27FC236}">
              <a16:creationId xmlns:a16="http://schemas.microsoft.com/office/drawing/2014/main" id="{49AC3654-463D-4BA9-A028-679BB9562709}"/>
            </a:ext>
          </a:extLst>
        </xdr:cNvPr>
        <xdr:cNvSpPr/>
      </xdr:nvSpPr>
      <xdr:spPr>
        <a:xfrm>
          <a:off x="10426700" y="6951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3741</xdr:rowOff>
    </xdr:from>
    <xdr:ext cx="469744" cy="259045"/>
    <xdr:sp macro="" textlink="">
      <xdr:nvSpPr>
        <xdr:cNvPr id="130" name="【道路】&#10;一人当たり延長該当値テキスト">
          <a:extLst>
            <a:ext uri="{FF2B5EF4-FFF2-40B4-BE49-F238E27FC236}">
              <a16:creationId xmlns:a16="http://schemas.microsoft.com/office/drawing/2014/main" id="{8B2C1CD7-E84F-487E-A2C4-768CF0FC688C}"/>
            </a:ext>
          </a:extLst>
        </xdr:cNvPr>
        <xdr:cNvSpPr txBox="1"/>
      </xdr:nvSpPr>
      <xdr:spPr>
        <a:xfrm>
          <a:off x="10515600" y="690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3477</xdr:rowOff>
    </xdr:from>
    <xdr:to>
      <xdr:col>50</xdr:col>
      <xdr:colOff>165100</xdr:colOff>
      <xdr:row>41</xdr:row>
      <xdr:rowOff>23627</xdr:rowOff>
    </xdr:to>
    <xdr:sp macro="" textlink="">
      <xdr:nvSpPr>
        <xdr:cNvPr id="131" name="楕円 130">
          <a:extLst>
            <a:ext uri="{FF2B5EF4-FFF2-40B4-BE49-F238E27FC236}">
              <a16:creationId xmlns:a16="http://schemas.microsoft.com/office/drawing/2014/main" id="{B173647F-64E3-4BCD-80C2-013F838DFE76}"/>
            </a:ext>
          </a:extLst>
        </xdr:cNvPr>
        <xdr:cNvSpPr/>
      </xdr:nvSpPr>
      <xdr:spPr>
        <a:xfrm>
          <a:off x="9588500" y="6951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4277</xdr:rowOff>
    </xdr:from>
    <xdr:to>
      <xdr:col>55</xdr:col>
      <xdr:colOff>0</xdr:colOff>
      <xdr:row>40</xdr:row>
      <xdr:rowOff>144323</xdr:rowOff>
    </xdr:to>
    <xdr:cxnSp macro="">
      <xdr:nvCxnSpPr>
        <xdr:cNvPr id="132" name="直線コネクタ 131">
          <a:extLst>
            <a:ext uri="{FF2B5EF4-FFF2-40B4-BE49-F238E27FC236}">
              <a16:creationId xmlns:a16="http://schemas.microsoft.com/office/drawing/2014/main" id="{34C728A9-3518-4FB7-AA55-C2065CA753FE}"/>
            </a:ext>
          </a:extLst>
        </xdr:cNvPr>
        <xdr:cNvCxnSpPr/>
      </xdr:nvCxnSpPr>
      <xdr:spPr>
        <a:xfrm>
          <a:off x="9639300" y="7002277"/>
          <a:ext cx="838200" cy="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2883</xdr:rowOff>
    </xdr:from>
    <xdr:to>
      <xdr:col>46</xdr:col>
      <xdr:colOff>38100</xdr:colOff>
      <xdr:row>41</xdr:row>
      <xdr:rowOff>23033</xdr:rowOff>
    </xdr:to>
    <xdr:sp macro="" textlink="">
      <xdr:nvSpPr>
        <xdr:cNvPr id="133" name="楕円 132">
          <a:extLst>
            <a:ext uri="{FF2B5EF4-FFF2-40B4-BE49-F238E27FC236}">
              <a16:creationId xmlns:a16="http://schemas.microsoft.com/office/drawing/2014/main" id="{6D662185-D9A7-4A29-92AE-4DED71AA67DC}"/>
            </a:ext>
          </a:extLst>
        </xdr:cNvPr>
        <xdr:cNvSpPr/>
      </xdr:nvSpPr>
      <xdr:spPr>
        <a:xfrm>
          <a:off x="8699500" y="6950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3683</xdr:rowOff>
    </xdr:from>
    <xdr:to>
      <xdr:col>50</xdr:col>
      <xdr:colOff>114300</xdr:colOff>
      <xdr:row>40</xdr:row>
      <xdr:rowOff>144277</xdr:rowOff>
    </xdr:to>
    <xdr:cxnSp macro="">
      <xdr:nvCxnSpPr>
        <xdr:cNvPr id="134" name="直線コネクタ 133">
          <a:extLst>
            <a:ext uri="{FF2B5EF4-FFF2-40B4-BE49-F238E27FC236}">
              <a16:creationId xmlns:a16="http://schemas.microsoft.com/office/drawing/2014/main" id="{674420A7-C558-4E0B-84B6-A4CF095E1827}"/>
            </a:ext>
          </a:extLst>
        </xdr:cNvPr>
        <xdr:cNvCxnSpPr/>
      </xdr:nvCxnSpPr>
      <xdr:spPr>
        <a:xfrm>
          <a:off x="8750300" y="7001683"/>
          <a:ext cx="889000" cy="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2883</xdr:rowOff>
    </xdr:from>
    <xdr:to>
      <xdr:col>41</xdr:col>
      <xdr:colOff>101600</xdr:colOff>
      <xdr:row>41</xdr:row>
      <xdr:rowOff>23033</xdr:rowOff>
    </xdr:to>
    <xdr:sp macro="" textlink="">
      <xdr:nvSpPr>
        <xdr:cNvPr id="135" name="楕円 134">
          <a:extLst>
            <a:ext uri="{FF2B5EF4-FFF2-40B4-BE49-F238E27FC236}">
              <a16:creationId xmlns:a16="http://schemas.microsoft.com/office/drawing/2014/main" id="{C4E7275B-3210-4CFC-BD20-0D6774799FB5}"/>
            </a:ext>
          </a:extLst>
        </xdr:cNvPr>
        <xdr:cNvSpPr/>
      </xdr:nvSpPr>
      <xdr:spPr>
        <a:xfrm>
          <a:off x="7810500" y="6950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3683</xdr:rowOff>
    </xdr:from>
    <xdr:to>
      <xdr:col>45</xdr:col>
      <xdr:colOff>177800</xdr:colOff>
      <xdr:row>40</xdr:row>
      <xdr:rowOff>143683</xdr:rowOff>
    </xdr:to>
    <xdr:cxnSp macro="">
      <xdr:nvCxnSpPr>
        <xdr:cNvPr id="136" name="直線コネクタ 135">
          <a:extLst>
            <a:ext uri="{FF2B5EF4-FFF2-40B4-BE49-F238E27FC236}">
              <a16:creationId xmlns:a16="http://schemas.microsoft.com/office/drawing/2014/main" id="{3131FE90-7208-40B8-BD81-0C13FE4A2095}"/>
            </a:ext>
          </a:extLst>
        </xdr:cNvPr>
        <xdr:cNvCxnSpPr/>
      </xdr:nvCxnSpPr>
      <xdr:spPr>
        <a:xfrm>
          <a:off x="7861300" y="700168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2746</xdr:rowOff>
    </xdr:from>
    <xdr:to>
      <xdr:col>36</xdr:col>
      <xdr:colOff>165100</xdr:colOff>
      <xdr:row>41</xdr:row>
      <xdr:rowOff>22896</xdr:rowOff>
    </xdr:to>
    <xdr:sp macro="" textlink="">
      <xdr:nvSpPr>
        <xdr:cNvPr id="137" name="楕円 136">
          <a:extLst>
            <a:ext uri="{FF2B5EF4-FFF2-40B4-BE49-F238E27FC236}">
              <a16:creationId xmlns:a16="http://schemas.microsoft.com/office/drawing/2014/main" id="{3E7C329E-5C4E-49FE-AA75-791BBD8E7FB2}"/>
            </a:ext>
          </a:extLst>
        </xdr:cNvPr>
        <xdr:cNvSpPr/>
      </xdr:nvSpPr>
      <xdr:spPr>
        <a:xfrm>
          <a:off x="6921500" y="6950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3546</xdr:rowOff>
    </xdr:from>
    <xdr:to>
      <xdr:col>41</xdr:col>
      <xdr:colOff>50800</xdr:colOff>
      <xdr:row>40</xdr:row>
      <xdr:rowOff>143683</xdr:rowOff>
    </xdr:to>
    <xdr:cxnSp macro="">
      <xdr:nvCxnSpPr>
        <xdr:cNvPr id="138" name="直線コネクタ 137">
          <a:extLst>
            <a:ext uri="{FF2B5EF4-FFF2-40B4-BE49-F238E27FC236}">
              <a16:creationId xmlns:a16="http://schemas.microsoft.com/office/drawing/2014/main" id="{97C595B0-DFC9-4087-A649-6A49B614DE98}"/>
            </a:ext>
          </a:extLst>
        </xdr:cNvPr>
        <xdr:cNvCxnSpPr/>
      </xdr:nvCxnSpPr>
      <xdr:spPr>
        <a:xfrm>
          <a:off x="6972300" y="7001546"/>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2630</xdr:rowOff>
    </xdr:from>
    <xdr:ext cx="469744" cy="259045"/>
    <xdr:sp macro="" textlink="">
      <xdr:nvSpPr>
        <xdr:cNvPr id="139" name="n_1aveValue【道路】&#10;一人当たり延長">
          <a:extLst>
            <a:ext uri="{FF2B5EF4-FFF2-40B4-BE49-F238E27FC236}">
              <a16:creationId xmlns:a16="http://schemas.microsoft.com/office/drawing/2014/main" id="{8978DF34-4D86-4AE4-AC3A-81E0D7A46C0F}"/>
            </a:ext>
          </a:extLst>
        </xdr:cNvPr>
        <xdr:cNvSpPr txBox="1"/>
      </xdr:nvSpPr>
      <xdr:spPr>
        <a:xfrm>
          <a:off x="9391727" y="6699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670</xdr:rowOff>
    </xdr:from>
    <xdr:ext cx="469744" cy="259045"/>
    <xdr:sp macro="" textlink="">
      <xdr:nvSpPr>
        <xdr:cNvPr id="140" name="n_2aveValue【道路】&#10;一人当たり延長">
          <a:extLst>
            <a:ext uri="{FF2B5EF4-FFF2-40B4-BE49-F238E27FC236}">
              <a16:creationId xmlns:a16="http://schemas.microsoft.com/office/drawing/2014/main" id="{A2C8EDF0-EE1A-423C-AA14-BA544FF07A0B}"/>
            </a:ext>
          </a:extLst>
        </xdr:cNvPr>
        <xdr:cNvSpPr txBox="1"/>
      </xdr:nvSpPr>
      <xdr:spPr>
        <a:xfrm>
          <a:off x="8515427" y="6690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24</xdr:rowOff>
    </xdr:from>
    <xdr:ext cx="469744" cy="259045"/>
    <xdr:sp macro="" textlink="">
      <xdr:nvSpPr>
        <xdr:cNvPr id="141" name="n_3aveValue【道路】&#10;一人当たり延長">
          <a:extLst>
            <a:ext uri="{FF2B5EF4-FFF2-40B4-BE49-F238E27FC236}">
              <a16:creationId xmlns:a16="http://schemas.microsoft.com/office/drawing/2014/main" id="{C1330D07-FE23-4FF4-AA71-C56D4D40191F}"/>
            </a:ext>
          </a:extLst>
        </xdr:cNvPr>
        <xdr:cNvSpPr txBox="1"/>
      </xdr:nvSpPr>
      <xdr:spPr>
        <a:xfrm>
          <a:off x="7626427" y="66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7830</xdr:rowOff>
    </xdr:from>
    <xdr:ext cx="469744" cy="259045"/>
    <xdr:sp macro="" textlink="">
      <xdr:nvSpPr>
        <xdr:cNvPr id="142" name="n_4aveValue【道路】&#10;一人当たり延長">
          <a:extLst>
            <a:ext uri="{FF2B5EF4-FFF2-40B4-BE49-F238E27FC236}">
              <a16:creationId xmlns:a16="http://schemas.microsoft.com/office/drawing/2014/main" id="{113B2717-0E1C-4228-8BE8-033DAB06E888}"/>
            </a:ext>
          </a:extLst>
        </xdr:cNvPr>
        <xdr:cNvSpPr txBox="1"/>
      </xdr:nvSpPr>
      <xdr:spPr>
        <a:xfrm>
          <a:off x="67374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4754</xdr:rowOff>
    </xdr:from>
    <xdr:ext cx="469744" cy="259045"/>
    <xdr:sp macro="" textlink="">
      <xdr:nvSpPr>
        <xdr:cNvPr id="143" name="n_1mainValue【道路】&#10;一人当たり延長">
          <a:extLst>
            <a:ext uri="{FF2B5EF4-FFF2-40B4-BE49-F238E27FC236}">
              <a16:creationId xmlns:a16="http://schemas.microsoft.com/office/drawing/2014/main" id="{1A90B4D6-65BE-41E4-AFDE-2C41764AEBC6}"/>
            </a:ext>
          </a:extLst>
        </xdr:cNvPr>
        <xdr:cNvSpPr txBox="1"/>
      </xdr:nvSpPr>
      <xdr:spPr>
        <a:xfrm>
          <a:off x="9391727" y="7044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4160</xdr:rowOff>
    </xdr:from>
    <xdr:ext cx="469744" cy="259045"/>
    <xdr:sp macro="" textlink="">
      <xdr:nvSpPr>
        <xdr:cNvPr id="144" name="n_2mainValue【道路】&#10;一人当たり延長">
          <a:extLst>
            <a:ext uri="{FF2B5EF4-FFF2-40B4-BE49-F238E27FC236}">
              <a16:creationId xmlns:a16="http://schemas.microsoft.com/office/drawing/2014/main" id="{97E65E6A-60D4-4727-A262-505997D6382C}"/>
            </a:ext>
          </a:extLst>
        </xdr:cNvPr>
        <xdr:cNvSpPr txBox="1"/>
      </xdr:nvSpPr>
      <xdr:spPr>
        <a:xfrm>
          <a:off x="8515427" y="7043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4160</xdr:rowOff>
    </xdr:from>
    <xdr:ext cx="469744" cy="259045"/>
    <xdr:sp macro="" textlink="">
      <xdr:nvSpPr>
        <xdr:cNvPr id="145" name="n_3mainValue【道路】&#10;一人当たり延長">
          <a:extLst>
            <a:ext uri="{FF2B5EF4-FFF2-40B4-BE49-F238E27FC236}">
              <a16:creationId xmlns:a16="http://schemas.microsoft.com/office/drawing/2014/main" id="{4DF680F9-1E78-46D6-92A6-460B1164492D}"/>
            </a:ext>
          </a:extLst>
        </xdr:cNvPr>
        <xdr:cNvSpPr txBox="1"/>
      </xdr:nvSpPr>
      <xdr:spPr>
        <a:xfrm>
          <a:off x="7626427" y="7043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4023</xdr:rowOff>
    </xdr:from>
    <xdr:ext cx="469744" cy="259045"/>
    <xdr:sp macro="" textlink="">
      <xdr:nvSpPr>
        <xdr:cNvPr id="146" name="n_4mainValue【道路】&#10;一人当たり延長">
          <a:extLst>
            <a:ext uri="{FF2B5EF4-FFF2-40B4-BE49-F238E27FC236}">
              <a16:creationId xmlns:a16="http://schemas.microsoft.com/office/drawing/2014/main" id="{9CF76C40-BF84-498D-A76C-9749FE736869}"/>
            </a:ext>
          </a:extLst>
        </xdr:cNvPr>
        <xdr:cNvSpPr txBox="1"/>
      </xdr:nvSpPr>
      <xdr:spPr>
        <a:xfrm>
          <a:off x="6737427" y="7043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id="{53419DE5-7F7D-4833-AF82-FD60FBB2F28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id="{A2DC4A58-D8D7-4D38-8618-08D79E6EB042}"/>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id="{555B1540-C260-461E-B717-E8AF1556249D}"/>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id="{32C01F64-7CD8-434E-B043-8F35C15724E2}"/>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id="{E895D0FA-0B05-442B-9198-A9D5AC12FDE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id="{1578ACE5-755B-4E7D-84EC-3C711C1FE28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id="{B98FE26D-6E1E-4CB5-983E-7F3A500097C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id="{F63C0EF4-F129-46DD-931A-3F616D5FD74F}"/>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id="{A7BAF068-9716-4018-90E7-AC77BE8B86E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id="{7C2DE744-A278-418D-B2EB-9FA2F2A86AB6}"/>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id="{AAA5738F-949B-4405-A99E-F3D7DC2CE209}"/>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8" name="直線コネクタ 157">
          <a:extLst>
            <a:ext uri="{FF2B5EF4-FFF2-40B4-BE49-F238E27FC236}">
              <a16:creationId xmlns:a16="http://schemas.microsoft.com/office/drawing/2014/main" id="{4B96B95C-74C5-4CF8-A4F7-893BFED57FFF}"/>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9" name="テキスト ボックス 158">
          <a:extLst>
            <a:ext uri="{FF2B5EF4-FFF2-40B4-BE49-F238E27FC236}">
              <a16:creationId xmlns:a16="http://schemas.microsoft.com/office/drawing/2014/main" id="{19069802-298B-45E0-A57F-62D1714C5693}"/>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0" name="直線コネクタ 159">
          <a:extLst>
            <a:ext uri="{FF2B5EF4-FFF2-40B4-BE49-F238E27FC236}">
              <a16:creationId xmlns:a16="http://schemas.microsoft.com/office/drawing/2014/main" id="{18392F34-3E74-4DF1-AFDD-7982165B19F0}"/>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1" name="テキスト ボックス 160">
          <a:extLst>
            <a:ext uri="{FF2B5EF4-FFF2-40B4-BE49-F238E27FC236}">
              <a16:creationId xmlns:a16="http://schemas.microsoft.com/office/drawing/2014/main" id="{F07FA74E-53DC-4EC9-B6A5-44B092A12C42}"/>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2" name="直線コネクタ 161">
          <a:extLst>
            <a:ext uri="{FF2B5EF4-FFF2-40B4-BE49-F238E27FC236}">
              <a16:creationId xmlns:a16="http://schemas.microsoft.com/office/drawing/2014/main" id="{EFB85B00-BCEE-43C4-BB10-09489FC37933}"/>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3" name="テキスト ボックス 162">
          <a:extLst>
            <a:ext uri="{FF2B5EF4-FFF2-40B4-BE49-F238E27FC236}">
              <a16:creationId xmlns:a16="http://schemas.microsoft.com/office/drawing/2014/main" id="{ED80205F-8BD8-436B-AEBA-B3BC0D3B11D8}"/>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4" name="直線コネクタ 163">
          <a:extLst>
            <a:ext uri="{FF2B5EF4-FFF2-40B4-BE49-F238E27FC236}">
              <a16:creationId xmlns:a16="http://schemas.microsoft.com/office/drawing/2014/main" id="{7F75AD8A-3D20-47C3-8960-5677BCBF70EA}"/>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5" name="テキスト ボックス 164">
          <a:extLst>
            <a:ext uri="{FF2B5EF4-FFF2-40B4-BE49-F238E27FC236}">
              <a16:creationId xmlns:a16="http://schemas.microsoft.com/office/drawing/2014/main" id="{41BE413E-D5B2-44C8-868D-462555DFEB83}"/>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6" name="直線コネクタ 165">
          <a:extLst>
            <a:ext uri="{FF2B5EF4-FFF2-40B4-BE49-F238E27FC236}">
              <a16:creationId xmlns:a16="http://schemas.microsoft.com/office/drawing/2014/main" id="{FC4F1E48-0F16-4123-9F35-450C6B29EF2A}"/>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7" name="テキスト ボックス 166">
          <a:extLst>
            <a:ext uri="{FF2B5EF4-FFF2-40B4-BE49-F238E27FC236}">
              <a16:creationId xmlns:a16="http://schemas.microsoft.com/office/drawing/2014/main" id="{BB321C8C-EFA2-491A-A70E-2F70B936949E}"/>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8" name="直線コネクタ 167">
          <a:extLst>
            <a:ext uri="{FF2B5EF4-FFF2-40B4-BE49-F238E27FC236}">
              <a16:creationId xmlns:a16="http://schemas.microsoft.com/office/drawing/2014/main" id="{0C654211-0B3D-420C-85D8-C64A9AD25C89}"/>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9" name="テキスト ボックス 168">
          <a:extLst>
            <a:ext uri="{FF2B5EF4-FFF2-40B4-BE49-F238E27FC236}">
              <a16:creationId xmlns:a16="http://schemas.microsoft.com/office/drawing/2014/main" id="{E8D01ED3-0E68-4B87-9292-4C4EBA869BD8}"/>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a:extLst>
            <a:ext uri="{FF2B5EF4-FFF2-40B4-BE49-F238E27FC236}">
              <a16:creationId xmlns:a16="http://schemas.microsoft.com/office/drawing/2014/main" id="{C2A70FB4-F043-4C6D-8836-C8730BAFE6D3}"/>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a:extLst>
            <a:ext uri="{FF2B5EF4-FFF2-40B4-BE49-F238E27FC236}">
              <a16:creationId xmlns:a16="http://schemas.microsoft.com/office/drawing/2014/main" id="{E2DA0E97-03F2-406E-ADD5-643F1BCB5FA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9199</xdr:rowOff>
    </xdr:from>
    <xdr:to>
      <xdr:col>24</xdr:col>
      <xdr:colOff>62865</xdr:colOff>
      <xdr:row>63</xdr:row>
      <xdr:rowOff>81643</xdr:rowOff>
    </xdr:to>
    <xdr:cxnSp macro="">
      <xdr:nvCxnSpPr>
        <xdr:cNvPr id="172" name="直線コネクタ 171">
          <a:extLst>
            <a:ext uri="{FF2B5EF4-FFF2-40B4-BE49-F238E27FC236}">
              <a16:creationId xmlns:a16="http://schemas.microsoft.com/office/drawing/2014/main" id="{FF40ACC7-2CDD-4137-AF46-07BC2DC4ECA2}"/>
            </a:ext>
          </a:extLst>
        </xdr:cNvPr>
        <xdr:cNvCxnSpPr/>
      </xdr:nvCxnSpPr>
      <xdr:spPr>
        <a:xfrm flipV="1">
          <a:off x="4634865" y="9548949"/>
          <a:ext cx="0" cy="1334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5470</xdr:rowOff>
    </xdr:from>
    <xdr:ext cx="405111" cy="259045"/>
    <xdr:sp macro="" textlink="">
      <xdr:nvSpPr>
        <xdr:cNvPr id="173" name="【橋りょう・トンネル】&#10;有形固定資産減価償却率最小値テキスト">
          <a:extLst>
            <a:ext uri="{FF2B5EF4-FFF2-40B4-BE49-F238E27FC236}">
              <a16:creationId xmlns:a16="http://schemas.microsoft.com/office/drawing/2014/main" id="{870CE2BB-5E0E-4896-9EB5-95692DE43645}"/>
            </a:ext>
          </a:extLst>
        </xdr:cNvPr>
        <xdr:cNvSpPr txBox="1"/>
      </xdr:nvSpPr>
      <xdr:spPr>
        <a:xfrm>
          <a:off x="4673600" y="10886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81643</xdr:rowOff>
    </xdr:from>
    <xdr:to>
      <xdr:col>24</xdr:col>
      <xdr:colOff>152400</xdr:colOff>
      <xdr:row>63</xdr:row>
      <xdr:rowOff>81643</xdr:rowOff>
    </xdr:to>
    <xdr:cxnSp macro="">
      <xdr:nvCxnSpPr>
        <xdr:cNvPr id="174" name="直線コネクタ 173">
          <a:extLst>
            <a:ext uri="{FF2B5EF4-FFF2-40B4-BE49-F238E27FC236}">
              <a16:creationId xmlns:a16="http://schemas.microsoft.com/office/drawing/2014/main" id="{DC46187F-A8DB-48C0-8615-29B0F4409DA2}"/>
            </a:ext>
          </a:extLst>
        </xdr:cNvPr>
        <xdr:cNvCxnSpPr/>
      </xdr:nvCxnSpPr>
      <xdr:spPr>
        <a:xfrm>
          <a:off x="4546600" y="108829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5876</xdr:rowOff>
    </xdr:from>
    <xdr:ext cx="340478" cy="259045"/>
    <xdr:sp macro="" textlink="">
      <xdr:nvSpPr>
        <xdr:cNvPr id="175" name="【橋りょう・トンネル】&#10;有形固定資産減価償却率最大値テキスト">
          <a:extLst>
            <a:ext uri="{FF2B5EF4-FFF2-40B4-BE49-F238E27FC236}">
              <a16:creationId xmlns:a16="http://schemas.microsoft.com/office/drawing/2014/main" id="{64B4EF8C-A461-4EB1-9992-583EEE4A0375}"/>
            </a:ext>
          </a:extLst>
        </xdr:cNvPr>
        <xdr:cNvSpPr txBox="1"/>
      </xdr:nvSpPr>
      <xdr:spPr>
        <a:xfrm>
          <a:off x="4673600" y="932417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9199</xdr:rowOff>
    </xdr:from>
    <xdr:to>
      <xdr:col>24</xdr:col>
      <xdr:colOff>152400</xdr:colOff>
      <xdr:row>55</xdr:row>
      <xdr:rowOff>119199</xdr:rowOff>
    </xdr:to>
    <xdr:cxnSp macro="">
      <xdr:nvCxnSpPr>
        <xdr:cNvPr id="176" name="直線コネクタ 175">
          <a:extLst>
            <a:ext uri="{FF2B5EF4-FFF2-40B4-BE49-F238E27FC236}">
              <a16:creationId xmlns:a16="http://schemas.microsoft.com/office/drawing/2014/main" id="{1DE98D12-3C5B-417A-914B-5A695931452F}"/>
            </a:ext>
          </a:extLst>
        </xdr:cNvPr>
        <xdr:cNvCxnSpPr/>
      </xdr:nvCxnSpPr>
      <xdr:spPr>
        <a:xfrm>
          <a:off x="4546600" y="95489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3101</xdr:rowOff>
    </xdr:from>
    <xdr:ext cx="405111" cy="259045"/>
    <xdr:sp macro="" textlink="">
      <xdr:nvSpPr>
        <xdr:cNvPr id="177" name="【橋りょう・トンネル】&#10;有形固定資産減価償却率平均値テキスト">
          <a:extLst>
            <a:ext uri="{FF2B5EF4-FFF2-40B4-BE49-F238E27FC236}">
              <a16:creationId xmlns:a16="http://schemas.microsoft.com/office/drawing/2014/main" id="{8C9200BF-C62B-4DF6-8CF9-C3D7FB45B85A}"/>
            </a:ext>
          </a:extLst>
        </xdr:cNvPr>
        <xdr:cNvSpPr txBox="1"/>
      </xdr:nvSpPr>
      <xdr:spPr>
        <a:xfrm>
          <a:off x="4673600" y="102901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1674</xdr:rowOff>
    </xdr:from>
    <xdr:to>
      <xdr:col>24</xdr:col>
      <xdr:colOff>114300</xdr:colOff>
      <xdr:row>61</xdr:row>
      <xdr:rowOff>81824</xdr:rowOff>
    </xdr:to>
    <xdr:sp macro="" textlink="">
      <xdr:nvSpPr>
        <xdr:cNvPr id="178" name="フローチャート: 判断 177">
          <a:extLst>
            <a:ext uri="{FF2B5EF4-FFF2-40B4-BE49-F238E27FC236}">
              <a16:creationId xmlns:a16="http://schemas.microsoft.com/office/drawing/2014/main" id="{07F59F25-DF6B-4306-85B3-6E25FB24DE93}"/>
            </a:ext>
          </a:extLst>
        </xdr:cNvPr>
        <xdr:cNvSpPr/>
      </xdr:nvSpPr>
      <xdr:spPr>
        <a:xfrm>
          <a:off x="4584700" y="10438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40244</xdr:rowOff>
    </xdr:from>
    <xdr:to>
      <xdr:col>20</xdr:col>
      <xdr:colOff>38100</xdr:colOff>
      <xdr:row>61</xdr:row>
      <xdr:rowOff>70394</xdr:rowOff>
    </xdr:to>
    <xdr:sp macro="" textlink="">
      <xdr:nvSpPr>
        <xdr:cNvPr id="179" name="フローチャート: 判断 178">
          <a:extLst>
            <a:ext uri="{FF2B5EF4-FFF2-40B4-BE49-F238E27FC236}">
              <a16:creationId xmlns:a16="http://schemas.microsoft.com/office/drawing/2014/main" id="{BB6EA130-BA58-4D8C-B560-1F815C9560F7}"/>
            </a:ext>
          </a:extLst>
        </xdr:cNvPr>
        <xdr:cNvSpPr/>
      </xdr:nvSpPr>
      <xdr:spPr>
        <a:xfrm>
          <a:off x="3746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0853</xdr:rowOff>
    </xdr:from>
    <xdr:to>
      <xdr:col>15</xdr:col>
      <xdr:colOff>101600</xdr:colOff>
      <xdr:row>61</xdr:row>
      <xdr:rowOff>41003</xdr:rowOff>
    </xdr:to>
    <xdr:sp macro="" textlink="">
      <xdr:nvSpPr>
        <xdr:cNvPr id="180" name="フローチャート: 判断 179">
          <a:extLst>
            <a:ext uri="{FF2B5EF4-FFF2-40B4-BE49-F238E27FC236}">
              <a16:creationId xmlns:a16="http://schemas.microsoft.com/office/drawing/2014/main" id="{EE76F2E1-F021-4B61-92C9-F8471216B4A3}"/>
            </a:ext>
          </a:extLst>
        </xdr:cNvPr>
        <xdr:cNvSpPr/>
      </xdr:nvSpPr>
      <xdr:spPr>
        <a:xfrm>
          <a:off x="2857500" y="1039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91259</xdr:rowOff>
    </xdr:from>
    <xdr:to>
      <xdr:col>10</xdr:col>
      <xdr:colOff>165100</xdr:colOff>
      <xdr:row>61</xdr:row>
      <xdr:rowOff>21409</xdr:rowOff>
    </xdr:to>
    <xdr:sp macro="" textlink="">
      <xdr:nvSpPr>
        <xdr:cNvPr id="181" name="フローチャート: 判断 180">
          <a:extLst>
            <a:ext uri="{FF2B5EF4-FFF2-40B4-BE49-F238E27FC236}">
              <a16:creationId xmlns:a16="http://schemas.microsoft.com/office/drawing/2014/main" id="{56FBAE9A-6C41-4699-8300-FAD94F8F7EA7}"/>
            </a:ext>
          </a:extLst>
        </xdr:cNvPr>
        <xdr:cNvSpPr/>
      </xdr:nvSpPr>
      <xdr:spPr>
        <a:xfrm>
          <a:off x="1968500" y="10378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68399</xdr:rowOff>
    </xdr:from>
    <xdr:to>
      <xdr:col>6</xdr:col>
      <xdr:colOff>38100</xdr:colOff>
      <xdr:row>60</xdr:row>
      <xdr:rowOff>169999</xdr:rowOff>
    </xdr:to>
    <xdr:sp macro="" textlink="">
      <xdr:nvSpPr>
        <xdr:cNvPr id="182" name="フローチャート: 判断 181">
          <a:extLst>
            <a:ext uri="{FF2B5EF4-FFF2-40B4-BE49-F238E27FC236}">
              <a16:creationId xmlns:a16="http://schemas.microsoft.com/office/drawing/2014/main" id="{6A80A717-E25E-4C43-81A5-4D7DEC5955C7}"/>
            </a:ext>
          </a:extLst>
        </xdr:cNvPr>
        <xdr:cNvSpPr/>
      </xdr:nvSpPr>
      <xdr:spPr>
        <a:xfrm>
          <a:off x="1079500" y="1035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591C089-388C-4FAF-AF3A-68A4BAD90BB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956C29C6-D742-4DBB-8604-31943DB08453}"/>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FF083ED5-0ADC-43A9-8369-6A36D1F1066C}"/>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D475A482-B3B0-414E-AE2E-E298154D877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460D6524-F88C-44CE-859C-A193B173AAB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11249</xdr:rowOff>
    </xdr:from>
    <xdr:to>
      <xdr:col>24</xdr:col>
      <xdr:colOff>114300</xdr:colOff>
      <xdr:row>62</xdr:row>
      <xdr:rowOff>112849</xdr:rowOff>
    </xdr:to>
    <xdr:sp macro="" textlink="">
      <xdr:nvSpPr>
        <xdr:cNvPr id="188" name="楕円 187">
          <a:extLst>
            <a:ext uri="{FF2B5EF4-FFF2-40B4-BE49-F238E27FC236}">
              <a16:creationId xmlns:a16="http://schemas.microsoft.com/office/drawing/2014/main" id="{A3594FDF-6707-4AEE-8354-053BAACBDB1C}"/>
            </a:ext>
          </a:extLst>
        </xdr:cNvPr>
        <xdr:cNvSpPr/>
      </xdr:nvSpPr>
      <xdr:spPr>
        <a:xfrm>
          <a:off x="4584700" y="10641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61126</xdr:rowOff>
    </xdr:from>
    <xdr:ext cx="405111" cy="259045"/>
    <xdr:sp macro="" textlink="">
      <xdr:nvSpPr>
        <xdr:cNvPr id="189" name="【橋りょう・トンネル】&#10;有形固定資産減価償却率該当値テキスト">
          <a:extLst>
            <a:ext uri="{FF2B5EF4-FFF2-40B4-BE49-F238E27FC236}">
              <a16:creationId xmlns:a16="http://schemas.microsoft.com/office/drawing/2014/main" id="{C80187CA-2A94-4426-A083-4D541706BDC6}"/>
            </a:ext>
          </a:extLst>
        </xdr:cNvPr>
        <xdr:cNvSpPr txBox="1"/>
      </xdr:nvSpPr>
      <xdr:spPr>
        <a:xfrm>
          <a:off x="4673600" y="10619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59838</xdr:rowOff>
    </xdr:from>
    <xdr:to>
      <xdr:col>20</xdr:col>
      <xdr:colOff>38100</xdr:colOff>
      <xdr:row>62</xdr:row>
      <xdr:rowOff>89988</xdr:rowOff>
    </xdr:to>
    <xdr:sp macro="" textlink="">
      <xdr:nvSpPr>
        <xdr:cNvPr id="190" name="楕円 189">
          <a:extLst>
            <a:ext uri="{FF2B5EF4-FFF2-40B4-BE49-F238E27FC236}">
              <a16:creationId xmlns:a16="http://schemas.microsoft.com/office/drawing/2014/main" id="{0E2F3028-4208-497A-8066-C85025219ECC}"/>
            </a:ext>
          </a:extLst>
        </xdr:cNvPr>
        <xdr:cNvSpPr/>
      </xdr:nvSpPr>
      <xdr:spPr>
        <a:xfrm>
          <a:off x="3746500" y="1061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39188</xdr:rowOff>
    </xdr:from>
    <xdr:to>
      <xdr:col>24</xdr:col>
      <xdr:colOff>63500</xdr:colOff>
      <xdr:row>62</xdr:row>
      <xdr:rowOff>62049</xdr:rowOff>
    </xdr:to>
    <xdr:cxnSp macro="">
      <xdr:nvCxnSpPr>
        <xdr:cNvPr id="191" name="直線コネクタ 190">
          <a:extLst>
            <a:ext uri="{FF2B5EF4-FFF2-40B4-BE49-F238E27FC236}">
              <a16:creationId xmlns:a16="http://schemas.microsoft.com/office/drawing/2014/main" id="{0D76B29A-8A42-4697-889D-674E378AA4B9}"/>
            </a:ext>
          </a:extLst>
        </xdr:cNvPr>
        <xdr:cNvCxnSpPr/>
      </xdr:nvCxnSpPr>
      <xdr:spPr>
        <a:xfrm>
          <a:off x="3797300" y="10669088"/>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35346</xdr:rowOff>
    </xdr:from>
    <xdr:to>
      <xdr:col>15</xdr:col>
      <xdr:colOff>101600</xdr:colOff>
      <xdr:row>62</xdr:row>
      <xdr:rowOff>65496</xdr:rowOff>
    </xdr:to>
    <xdr:sp macro="" textlink="">
      <xdr:nvSpPr>
        <xdr:cNvPr id="192" name="楕円 191">
          <a:extLst>
            <a:ext uri="{FF2B5EF4-FFF2-40B4-BE49-F238E27FC236}">
              <a16:creationId xmlns:a16="http://schemas.microsoft.com/office/drawing/2014/main" id="{391867A0-D81D-4892-9A65-01804191DB0F}"/>
            </a:ext>
          </a:extLst>
        </xdr:cNvPr>
        <xdr:cNvSpPr/>
      </xdr:nvSpPr>
      <xdr:spPr>
        <a:xfrm>
          <a:off x="2857500" y="10593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14696</xdr:rowOff>
    </xdr:from>
    <xdr:to>
      <xdr:col>19</xdr:col>
      <xdr:colOff>177800</xdr:colOff>
      <xdr:row>62</xdr:row>
      <xdr:rowOff>39188</xdr:rowOff>
    </xdr:to>
    <xdr:cxnSp macro="">
      <xdr:nvCxnSpPr>
        <xdr:cNvPr id="193" name="直線コネクタ 192">
          <a:extLst>
            <a:ext uri="{FF2B5EF4-FFF2-40B4-BE49-F238E27FC236}">
              <a16:creationId xmlns:a16="http://schemas.microsoft.com/office/drawing/2014/main" id="{0FCEC296-E46E-48AF-93C7-6D5DA2711334}"/>
            </a:ext>
          </a:extLst>
        </xdr:cNvPr>
        <xdr:cNvCxnSpPr/>
      </xdr:nvCxnSpPr>
      <xdr:spPr>
        <a:xfrm>
          <a:off x="2908300" y="10644596"/>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59838</xdr:rowOff>
    </xdr:from>
    <xdr:to>
      <xdr:col>10</xdr:col>
      <xdr:colOff>165100</xdr:colOff>
      <xdr:row>62</xdr:row>
      <xdr:rowOff>89988</xdr:rowOff>
    </xdr:to>
    <xdr:sp macro="" textlink="">
      <xdr:nvSpPr>
        <xdr:cNvPr id="194" name="楕円 193">
          <a:extLst>
            <a:ext uri="{FF2B5EF4-FFF2-40B4-BE49-F238E27FC236}">
              <a16:creationId xmlns:a16="http://schemas.microsoft.com/office/drawing/2014/main" id="{E6B39E29-1EEC-40B2-98F7-76626F06D64F}"/>
            </a:ext>
          </a:extLst>
        </xdr:cNvPr>
        <xdr:cNvSpPr/>
      </xdr:nvSpPr>
      <xdr:spPr>
        <a:xfrm>
          <a:off x="1968500" y="1061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14696</xdr:rowOff>
    </xdr:from>
    <xdr:to>
      <xdr:col>15</xdr:col>
      <xdr:colOff>50800</xdr:colOff>
      <xdr:row>62</xdr:row>
      <xdr:rowOff>39188</xdr:rowOff>
    </xdr:to>
    <xdr:cxnSp macro="">
      <xdr:nvCxnSpPr>
        <xdr:cNvPr id="195" name="直線コネクタ 194">
          <a:extLst>
            <a:ext uri="{FF2B5EF4-FFF2-40B4-BE49-F238E27FC236}">
              <a16:creationId xmlns:a16="http://schemas.microsoft.com/office/drawing/2014/main" id="{60E9EE8A-322C-40FD-B00E-F8F3E358C689}"/>
            </a:ext>
          </a:extLst>
        </xdr:cNvPr>
        <xdr:cNvCxnSpPr/>
      </xdr:nvCxnSpPr>
      <xdr:spPr>
        <a:xfrm flipV="1">
          <a:off x="2019300" y="10644596"/>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135346</xdr:rowOff>
    </xdr:from>
    <xdr:to>
      <xdr:col>6</xdr:col>
      <xdr:colOff>38100</xdr:colOff>
      <xdr:row>62</xdr:row>
      <xdr:rowOff>65496</xdr:rowOff>
    </xdr:to>
    <xdr:sp macro="" textlink="">
      <xdr:nvSpPr>
        <xdr:cNvPr id="196" name="楕円 195">
          <a:extLst>
            <a:ext uri="{FF2B5EF4-FFF2-40B4-BE49-F238E27FC236}">
              <a16:creationId xmlns:a16="http://schemas.microsoft.com/office/drawing/2014/main" id="{90F546C5-7FCE-42C4-81CD-83F3C4121047}"/>
            </a:ext>
          </a:extLst>
        </xdr:cNvPr>
        <xdr:cNvSpPr/>
      </xdr:nvSpPr>
      <xdr:spPr>
        <a:xfrm>
          <a:off x="1079500" y="10593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14696</xdr:rowOff>
    </xdr:from>
    <xdr:to>
      <xdr:col>10</xdr:col>
      <xdr:colOff>114300</xdr:colOff>
      <xdr:row>62</xdr:row>
      <xdr:rowOff>39188</xdr:rowOff>
    </xdr:to>
    <xdr:cxnSp macro="">
      <xdr:nvCxnSpPr>
        <xdr:cNvPr id="197" name="直線コネクタ 196">
          <a:extLst>
            <a:ext uri="{FF2B5EF4-FFF2-40B4-BE49-F238E27FC236}">
              <a16:creationId xmlns:a16="http://schemas.microsoft.com/office/drawing/2014/main" id="{FD42C260-1796-40FF-8C03-7B6B41651993}"/>
            </a:ext>
          </a:extLst>
        </xdr:cNvPr>
        <xdr:cNvCxnSpPr/>
      </xdr:nvCxnSpPr>
      <xdr:spPr>
        <a:xfrm>
          <a:off x="1130300" y="10644596"/>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6921</xdr:rowOff>
    </xdr:from>
    <xdr:ext cx="405111" cy="259045"/>
    <xdr:sp macro="" textlink="">
      <xdr:nvSpPr>
        <xdr:cNvPr id="198" name="n_1aveValue【橋りょう・トンネル】&#10;有形固定資産減価償却率">
          <a:extLst>
            <a:ext uri="{FF2B5EF4-FFF2-40B4-BE49-F238E27FC236}">
              <a16:creationId xmlns:a16="http://schemas.microsoft.com/office/drawing/2014/main" id="{E241350A-613A-41D1-AFB5-A60EE71A7D9A}"/>
            </a:ext>
          </a:extLst>
        </xdr:cNvPr>
        <xdr:cNvSpPr txBox="1"/>
      </xdr:nvSpPr>
      <xdr:spPr>
        <a:xfrm>
          <a:off x="3582044" y="10202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57530</xdr:rowOff>
    </xdr:from>
    <xdr:ext cx="405111" cy="259045"/>
    <xdr:sp macro="" textlink="">
      <xdr:nvSpPr>
        <xdr:cNvPr id="199" name="n_2aveValue【橋りょう・トンネル】&#10;有形固定資産減価償却率">
          <a:extLst>
            <a:ext uri="{FF2B5EF4-FFF2-40B4-BE49-F238E27FC236}">
              <a16:creationId xmlns:a16="http://schemas.microsoft.com/office/drawing/2014/main" id="{9EDB1FB2-E1E7-4190-9EB1-1B2BE340E660}"/>
            </a:ext>
          </a:extLst>
        </xdr:cNvPr>
        <xdr:cNvSpPr txBox="1"/>
      </xdr:nvSpPr>
      <xdr:spPr>
        <a:xfrm>
          <a:off x="2705744" y="101730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7936</xdr:rowOff>
    </xdr:from>
    <xdr:ext cx="405111" cy="259045"/>
    <xdr:sp macro="" textlink="">
      <xdr:nvSpPr>
        <xdr:cNvPr id="200" name="n_3aveValue【橋りょう・トンネル】&#10;有形固定資産減価償却率">
          <a:extLst>
            <a:ext uri="{FF2B5EF4-FFF2-40B4-BE49-F238E27FC236}">
              <a16:creationId xmlns:a16="http://schemas.microsoft.com/office/drawing/2014/main" id="{B8CF95CE-9E56-4362-8204-278039942A2D}"/>
            </a:ext>
          </a:extLst>
        </xdr:cNvPr>
        <xdr:cNvSpPr txBox="1"/>
      </xdr:nvSpPr>
      <xdr:spPr>
        <a:xfrm>
          <a:off x="1816744" y="101534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5076</xdr:rowOff>
    </xdr:from>
    <xdr:ext cx="405111" cy="259045"/>
    <xdr:sp macro="" textlink="">
      <xdr:nvSpPr>
        <xdr:cNvPr id="201" name="n_4aveValue【橋りょう・トンネル】&#10;有形固定資産減価償却率">
          <a:extLst>
            <a:ext uri="{FF2B5EF4-FFF2-40B4-BE49-F238E27FC236}">
              <a16:creationId xmlns:a16="http://schemas.microsoft.com/office/drawing/2014/main" id="{D1F58C81-BC15-48D5-8E5E-22CBF677D24A}"/>
            </a:ext>
          </a:extLst>
        </xdr:cNvPr>
        <xdr:cNvSpPr txBox="1"/>
      </xdr:nvSpPr>
      <xdr:spPr>
        <a:xfrm>
          <a:off x="927744" y="10130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81115</xdr:rowOff>
    </xdr:from>
    <xdr:ext cx="405111" cy="259045"/>
    <xdr:sp macro="" textlink="">
      <xdr:nvSpPr>
        <xdr:cNvPr id="202" name="n_1mainValue【橋りょう・トンネル】&#10;有形固定資産減価償却率">
          <a:extLst>
            <a:ext uri="{FF2B5EF4-FFF2-40B4-BE49-F238E27FC236}">
              <a16:creationId xmlns:a16="http://schemas.microsoft.com/office/drawing/2014/main" id="{D2198378-2A74-4081-950A-EF91F17FED58}"/>
            </a:ext>
          </a:extLst>
        </xdr:cNvPr>
        <xdr:cNvSpPr txBox="1"/>
      </xdr:nvSpPr>
      <xdr:spPr>
        <a:xfrm>
          <a:off x="3582044" y="10711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56623</xdr:rowOff>
    </xdr:from>
    <xdr:ext cx="405111" cy="259045"/>
    <xdr:sp macro="" textlink="">
      <xdr:nvSpPr>
        <xdr:cNvPr id="203" name="n_2mainValue【橋りょう・トンネル】&#10;有形固定資産減価償却率">
          <a:extLst>
            <a:ext uri="{FF2B5EF4-FFF2-40B4-BE49-F238E27FC236}">
              <a16:creationId xmlns:a16="http://schemas.microsoft.com/office/drawing/2014/main" id="{ACA30906-39DD-4A36-A1BB-A5DB14989071}"/>
            </a:ext>
          </a:extLst>
        </xdr:cNvPr>
        <xdr:cNvSpPr txBox="1"/>
      </xdr:nvSpPr>
      <xdr:spPr>
        <a:xfrm>
          <a:off x="2705744" y="10686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81115</xdr:rowOff>
    </xdr:from>
    <xdr:ext cx="405111" cy="259045"/>
    <xdr:sp macro="" textlink="">
      <xdr:nvSpPr>
        <xdr:cNvPr id="204" name="n_3mainValue【橋りょう・トンネル】&#10;有形固定資産減価償却率">
          <a:extLst>
            <a:ext uri="{FF2B5EF4-FFF2-40B4-BE49-F238E27FC236}">
              <a16:creationId xmlns:a16="http://schemas.microsoft.com/office/drawing/2014/main" id="{0E9606DF-9D05-4A99-A39B-BD2EA7E0B950}"/>
            </a:ext>
          </a:extLst>
        </xdr:cNvPr>
        <xdr:cNvSpPr txBox="1"/>
      </xdr:nvSpPr>
      <xdr:spPr>
        <a:xfrm>
          <a:off x="1816744" y="10711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56623</xdr:rowOff>
    </xdr:from>
    <xdr:ext cx="405111" cy="259045"/>
    <xdr:sp macro="" textlink="">
      <xdr:nvSpPr>
        <xdr:cNvPr id="205" name="n_4mainValue【橋りょう・トンネル】&#10;有形固定資産減価償却率">
          <a:extLst>
            <a:ext uri="{FF2B5EF4-FFF2-40B4-BE49-F238E27FC236}">
              <a16:creationId xmlns:a16="http://schemas.microsoft.com/office/drawing/2014/main" id="{91DA3F53-92C3-49AD-A019-2F75EE0B8CAD}"/>
            </a:ext>
          </a:extLst>
        </xdr:cNvPr>
        <xdr:cNvSpPr txBox="1"/>
      </xdr:nvSpPr>
      <xdr:spPr>
        <a:xfrm>
          <a:off x="927744" y="10686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2AF32622-576C-440C-898E-627D61A376D6}"/>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5D45C591-357C-439F-9BA0-11E8DD24E97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A3E09F23-2A1D-43F8-B92B-EADED4C4B48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001326F8-7457-4372-A46D-716EA90A754C}"/>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4A43D3AF-EEDE-44BD-BEB8-66E0CC231BEF}"/>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CD679E1F-833F-4D3F-8EB5-15A0392C7D71}"/>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44AFA5A5-7A0C-495C-97FE-07E619769035}"/>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0B348767-52B8-4506-95EA-734B41DD245E}"/>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5B9F5847-958F-4C52-BCC8-6528722ABCF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C7C77C4B-8ADA-4266-9878-0E9FB930959E}"/>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216" name="直線コネクタ 215">
          <a:extLst>
            <a:ext uri="{FF2B5EF4-FFF2-40B4-BE49-F238E27FC236}">
              <a16:creationId xmlns:a16="http://schemas.microsoft.com/office/drawing/2014/main" id="{7473E660-BC8E-4A4A-863F-3C875957FA1D}"/>
            </a:ext>
          </a:extLst>
        </xdr:cNvPr>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217" name="テキスト ボックス 216">
          <a:extLst>
            <a:ext uri="{FF2B5EF4-FFF2-40B4-BE49-F238E27FC236}">
              <a16:creationId xmlns:a16="http://schemas.microsoft.com/office/drawing/2014/main" id="{480BFCBB-DAB0-4C38-8EBC-0E0980439BD3}"/>
            </a:ext>
          </a:extLst>
        </xdr:cNvPr>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8" name="直線コネクタ 217">
          <a:extLst>
            <a:ext uri="{FF2B5EF4-FFF2-40B4-BE49-F238E27FC236}">
              <a16:creationId xmlns:a16="http://schemas.microsoft.com/office/drawing/2014/main" id="{91BC60E2-C6F1-4767-B550-39DC7629938C}"/>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9" name="テキスト ボックス 218">
          <a:extLst>
            <a:ext uri="{FF2B5EF4-FFF2-40B4-BE49-F238E27FC236}">
              <a16:creationId xmlns:a16="http://schemas.microsoft.com/office/drawing/2014/main" id="{A1958052-E188-4645-8BBE-15B357BB0B4F}"/>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20" name="直線コネクタ 219">
          <a:extLst>
            <a:ext uri="{FF2B5EF4-FFF2-40B4-BE49-F238E27FC236}">
              <a16:creationId xmlns:a16="http://schemas.microsoft.com/office/drawing/2014/main" id="{EA519ECA-6DE0-4898-8C2A-1E590D8C597C}"/>
            </a:ext>
          </a:extLst>
        </xdr:cNvPr>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21" name="テキスト ボックス 220">
          <a:extLst>
            <a:ext uri="{FF2B5EF4-FFF2-40B4-BE49-F238E27FC236}">
              <a16:creationId xmlns:a16="http://schemas.microsoft.com/office/drawing/2014/main" id="{EB0DAE2C-8BC9-4ACB-9484-7E6523E21436}"/>
            </a:ext>
          </a:extLst>
        </xdr:cNvPr>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a:extLst>
            <a:ext uri="{FF2B5EF4-FFF2-40B4-BE49-F238E27FC236}">
              <a16:creationId xmlns:a16="http://schemas.microsoft.com/office/drawing/2014/main" id="{CA8C40BE-6FCD-4752-B72C-9F3F3C5E9BA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3" name="テキスト ボックス 222">
          <a:extLst>
            <a:ext uri="{FF2B5EF4-FFF2-40B4-BE49-F238E27FC236}">
              <a16:creationId xmlns:a16="http://schemas.microsoft.com/office/drawing/2014/main" id="{DE64241E-0F95-4131-9EF8-93F35AB856DB}"/>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a:extLst>
            <a:ext uri="{FF2B5EF4-FFF2-40B4-BE49-F238E27FC236}">
              <a16:creationId xmlns:a16="http://schemas.microsoft.com/office/drawing/2014/main" id="{01B9D234-CA79-4057-8482-7C293646942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83</xdr:rowOff>
    </xdr:from>
    <xdr:to>
      <xdr:col>54</xdr:col>
      <xdr:colOff>189865</xdr:colOff>
      <xdr:row>63</xdr:row>
      <xdr:rowOff>53818</xdr:rowOff>
    </xdr:to>
    <xdr:cxnSp macro="">
      <xdr:nvCxnSpPr>
        <xdr:cNvPr id="225" name="直線コネクタ 224">
          <a:extLst>
            <a:ext uri="{FF2B5EF4-FFF2-40B4-BE49-F238E27FC236}">
              <a16:creationId xmlns:a16="http://schemas.microsoft.com/office/drawing/2014/main" id="{314F8628-56FF-46DF-99AC-D13A47E8E646}"/>
            </a:ext>
          </a:extLst>
        </xdr:cNvPr>
        <xdr:cNvCxnSpPr/>
      </xdr:nvCxnSpPr>
      <xdr:spPr>
        <a:xfrm flipV="1">
          <a:off x="10476865" y="9602583"/>
          <a:ext cx="0" cy="1252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7645</xdr:rowOff>
    </xdr:from>
    <xdr:ext cx="378565" cy="259045"/>
    <xdr:sp macro="" textlink="">
      <xdr:nvSpPr>
        <xdr:cNvPr id="226" name="【橋りょう・トンネル】&#10;一人当たり有形固定資産（償却資産）額最小値テキスト">
          <a:extLst>
            <a:ext uri="{FF2B5EF4-FFF2-40B4-BE49-F238E27FC236}">
              <a16:creationId xmlns:a16="http://schemas.microsoft.com/office/drawing/2014/main" id="{92ABA46F-394D-4406-8274-458FF89FABA8}"/>
            </a:ext>
          </a:extLst>
        </xdr:cNvPr>
        <xdr:cNvSpPr txBox="1"/>
      </xdr:nvSpPr>
      <xdr:spPr>
        <a:xfrm>
          <a:off x="10515600" y="108589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3818</xdr:rowOff>
    </xdr:from>
    <xdr:to>
      <xdr:col>55</xdr:col>
      <xdr:colOff>88900</xdr:colOff>
      <xdr:row>63</xdr:row>
      <xdr:rowOff>53818</xdr:rowOff>
    </xdr:to>
    <xdr:cxnSp macro="">
      <xdr:nvCxnSpPr>
        <xdr:cNvPr id="227" name="直線コネクタ 226">
          <a:extLst>
            <a:ext uri="{FF2B5EF4-FFF2-40B4-BE49-F238E27FC236}">
              <a16:creationId xmlns:a16="http://schemas.microsoft.com/office/drawing/2014/main" id="{F6F9EA28-B063-43E9-8548-131B87E85410}"/>
            </a:ext>
          </a:extLst>
        </xdr:cNvPr>
        <xdr:cNvCxnSpPr/>
      </xdr:nvCxnSpPr>
      <xdr:spPr>
        <a:xfrm>
          <a:off x="10388600" y="10855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19510</xdr:rowOff>
    </xdr:from>
    <xdr:ext cx="599010" cy="259045"/>
    <xdr:sp macro="" textlink="">
      <xdr:nvSpPr>
        <xdr:cNvPr id="228" name="【橋りょう・トンネル】&#10;一人当たり有形固定資産（償却資産）額最大値テキスト">
          <a:extLst>
            <a:ext uri="{FF2B5EF4-FFF2-40B4-BE49-F238E27FC236}">
              <a16:creationId xmlns:a16="http://schemas.microsoft.com/office/drawing/2014/main" id="{F8E1FB78-F9E1-41F0-B1D3-06BB87871AE4}"/>
            </a:ext>
          </a:extLst>
        </xdr:cNvPr>
        <xdr:cNvSpPr txBox="1"/>
      </xdr:nvSpPr>
      <xdr:spPr>
        <a:xfrm>
          <a:off x="10515600" y="9377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83</xdr:rowOff>
    </xdr:from>
    <xdr:to>
      <xdr:col>55</xdr:col>
      <xdr:colOff>88900</xdr:colOff>
      <xdr:row>56</xdr:row>
      <xdr:rowOff>1383</xdr:rowOff>
    </xdr:to>
    <xdr:cxnSp macro="">
      <xdr:nvCxnSpPr>
        <xdr:cNvPr id="229" name="直線コネクタ 228">
          <a:extLst>
            <a:ext uri="{FF2B5EF4-FFF2-40B4-BE49-F238E27FC236}">
              <a16:creationId xmlns:a16="http://schemas.microsoft.com/office/drawing/2014/main" id="{89D2B0F7-28C1-4C9B-8D1B-D6DBF7FCBB1A}"/>
            </a:ext>
          </a:extLst>
        </xdr:cNvPr>
        <xdr:cNvCxnSpPr/>
      </xdr:nvCxnSpPr>
      <xdr:spPr>
        <a:xfrm>
          <a:off x="10388600" y="9602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9</xdr:row>
      <xdr:rowOff>98875</xdr:rowOff>
    </xdr:from>
    <xdr:ext cx="534377" cy="259045"/>
    <xdr:sp macro="" textlink="">
      <xdr:nvSpPr>
        <xdr:cNvPr id="230" name="【橋りょう・トンネル】&#10;一人当たり有形固定資産（償却資産）額平均値テキスト">
          <a:extLst>
            <a:ext uri="{FF2B5EF4-FFF2-40B4-BE49-F238E27FC236}">
              <a16:creationId xmlns:a16="http://schemas.microsoft.com/office/drawing/2014/main" id="{4242180F-1E3F-442D-A968-24A28B3A012D}"/>
            </a:ext>
          </a:extLst>
        </xdr:cNvPr>
        <xdr:cNvSpPr txBox="1"/>
      </xdr:nvSpPr>
      <xdr:spPr>
        <a:xfrm>
          <a:off x="10515600" y="102144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5998</xdr:rowOff>
    </xdr:from>
    <xdr:to>
      <xdr:col>55</xdr:col>
      <xdr:colOff>50800</xdr:colOff>
      <xdr:row>61</xdr:row>
      <xdr:rowOff>6148</xdr:rowOff>
    </xdr:to>
    <xdr:sp macro="" textlink="">
      <xdr:nvSpPr>
        <xdr:cNvPr id="231" name="フローチャート: 判断 230">
          <a:extLst>
            <a:ext uri="{FF2B5EF4-FFF2-40B4-BE49-F238E27FC236}">
              <a16:creationId xmlns:a16="http://schemas.microsoft.com/office/drawing/2014/main" id="{C114F076-6B71-413D-A77D-9F51B85D5AC2}"/>
            </a:ext>
          </a:extLst>
        </xdr:cNvPr>
        <xdr:cNvSpPr/>
      </xdr:nvSpPr>
      <xdr:spPr>
        <a:xfrm>
          <a:off x="10426700" y="10362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77667</xdr:rowOff>
    </xdr:from>
    <xdr:to>
      <xdr:col>50</xdr:col>
      <xdr:colOff>165100</xdr:colOff>
      <xdr:row>61</xdr:row>
      <xdr:rowOff>7817</xdr:rowOff>
    </xdr:to>
    <xdr:sp macro="" textlink="">
      <xdr:nvSpPr>
        <xdr:cNvPr id="232" name="フローチャート: 判断 231">
          <a:extLst>
            <a:ext uri="{FF2B5EF4-FFF2-40B4-BE49-F238E27FC236}">
              <a16:creationId xmlns:a16="http://schemas.microsoft.com/office/drawing/2014/main" id="{0A87E4EB-5B65-4EEB-A9C3-5D7AE7310E1B}"/>
            </a:ext>
          </a:extLst>
        </xdr:cNvPr>
        <xdr:cNvSpPr/>
      </xdr:nvSpPr>
      <xdr:spPr>
        <a:xfrm>
          <a:off x="9588500" y="10364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46692</xdr:rowOff>
    </xdr:from>
    <xdr:to>
      <xdr:col>46</xdr:col>
      <xdr:colOff>38100</xdr:colOff>
      <xdr:row>60</xdr:row>
      <xdr:rowOff>148292</xdr:rowOff>
    </xdr:to>
    <xdr:sp macro="" textlink="">
      <xdr:nvSpPr>
        <xdr:cNvPr id="233" name="フローチャート: 判断 232">
          <a:extLst>
            <a:ext uri="{FF2B5EF4-FFF2-40B4-BE49-F238E27FC236}">
              <a16:creationId xmlns:a16="http://schemas.microsoft.com/office/drawing/2014/main" id="{E352AAFE-F29B-4CD7-BBAD-990C3D049E98}"/>
            </a:ext>
          </a:extLst>
        </xdr:cNvPr>
        <xdr:cNvSpPr/>
      </xdr:nvSpPr>
      <xdr:spPr>
        <a:xfrm>
          <a:off x="8699500" y="1033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49967</xdr:rowOff>
    </xdr:from>
    <xdr:to>
      <xdr:col>41</xdr:col>
      <xdr:colOff>101600</xdr:colOff>
      <xdr:row>60</xdr:row>
      <xdr:rowOff>151567</xdr:rowOff>
    </xdr:to>
    <xdr:sp macro="" textlink="">
      <xdr:nvSpPr>
        <xdr:cNvPr id="234" name="フローチャート: 判断 233">
          <a:extLst>
            <a:ext uri="{FF2B5EF4-FFF2-40B4-BE49-F238E27FC236}">
              <a16:creationId xmlns:a16="http://schemas.microsoft.com/office/drawing/2014/main" id="{0B5A3D68-A0E8-40F0-93AA-E0311ECEAB32}"/>
            </a:ext>
          </a:extLst>
        </xdr:cNvPr>
        <xdr:cNvSpPr/>
      </xdr:nvSpPr>
      <xdr:spPr>
        <a:xfrm>
          <a:off x="7810500" y="103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50441</xdr:rowOff>
    </xdr:from>
    <xdr:to>
      <xdr:col>36</xdr:col>
      <xdr:colOff>165100</xdr:colOff>
      <xdr:row>60</xdr:row>
      <xdr:rowOff>152041</xdr:rowOff>
    </xdr:to>
    <xdr:sp macro="" textlink="">
      <xdr:nvSpPr>
        <xdr:cNvPr id="235" name="フローチャート: 判断 234">
          <a:extLst>
            <a:ext uri="{FF2B5EF4-FFF2-40B4-BE49-F238E27FC236}">
              <a16:creationId xmlns:a16="http://schemas.microsoft.com/office/drawing/2014/main" id="{A8709212-3149-44AD-B9BD-267870F22B66}"/>
            </a:ext>
          </a:extLst>
        </xdr:cNvPr>
        <xdr:cNvSpPr/>
      </xdr:nvSpPr>
      <xdr:spPr>
        <a:xfrm>
          <a:off x="6921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id="{BCB7444F-8C0F-45B6-9B69-8980A11E18BB}"/>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CD8CF667-7FDD-49C7-9C2D-7CD42E8571BC}"/>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098113E0-6021-4FFA-9EAE-28B5E39EE283}"/>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497AD28E-104A-4EA3-B512-8900FE7E5D2E}"/>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A6BD9251-0095-42AB-8572-090C2A41031C}"/>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8234</xdr:rowOff>
    </xdr:from>
    <xdr:to>
      <xdr:col>55</xdr:col>
      <xdr:colOff>50800</xdr:colOff>
      <xdr:row>62</xdr:row>
      <xdr:rowOff>139834</xdr:rowOff>
    </xdr:to>
    <xdr:sp macro="" textlink="">
      <xdr:nvSpPr>
        <xdr:cNvPr id="241" name="楕円 240">
          <a:extLst>
            <a:ext uri="{FF2B5EF4-FFF2-40B4-BE49-F238E27FC236}">
              <a16:creationId xmlns:a16="http://schemas.microsoft.com/office/drawing/2014/main" id="{DB920077-F71E-4D9B-92C9-BD6BC9B11E63}"/>
            </a:ext>
          </a:extLst>
        </xdr:cNvPr>
        <xdr:cNvSpPr/>
      </xdr:nvSpPr>
      <xdr:spPr>
        <a:xfrm>
          <a:off x="10426700" y="10668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6661</xdr:rowOff>
    </xdr:from>
    <xdr:ext cx="534377" cy="259045"/>
    <xdr:sp macro="" textlink="">
      <xdr:nvSpPr>
        <xdr:cNvPr id="242" name="【橋りょう・トンネル】&#10;一人当たり有形固定資産（償却資産）額該当値テキスト">
          <a:extLst>
            <a:ext uri="{FF2B5EF4-FFF2-40B4-BE49-F238E27FC236}">
              <a16:creationId xmlns:a16="http://schemas.microsoft.com/office/drawing/2014/main" id="{1E908C28-3C34-4FB5-9702-D9D40E0BB117}"/>
            </a:ext>
          </a:extLst>
        </xdr:cNvPr>
        <xdr:cNvSpPr txBox="1"/>
      </xdr:nvSpPr>
      <xdr:spPr>
        <a:xfrm>
          <a:off x="10515600" y="10646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38234</xdr:rowOff>
    </xdr:from>
    <xdr:to>
      <xdr:col>50</xdr:col>
      <xdr:colOff>165100</xdr:colOff>
      <xdr:row>62</xdr:row>
      <xdr:rowOff>139834</xdr:rowOff>
    </xdr:to>
    <xdr:sp macro="" textlink="">
      <xdr:nvSpPr>
        <xdr:cNvPr id="243" name="楕円 242">
          <a:extLst>
            <a:ext uri="{FF2B5EF4-FFF2-40B4-BE49-F238E27FC236}">
              <a16:creationId xmlns:a16="http://schemas.microsoft.com/office/drawing/2014/main" id="{AB36AC35-52F2-44CB-BD75-28BF97FA5E1F}"/>
            </a:ext>
          </a:extLst>
        </xdr:cNvPr>
        <xdr:cNvSpPr/>
      </xdr:nvSpPr>
      <xdr:spPr>
        <a:xfrm>
          <a:off x="9588500" y="10668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9034</xdr:rowOff>
    </xdr:from>
    <xdr:to>
      <xdr:col>55</xdr:col>
      <xdr:colOff>0</xdr:colOff>
      <xdr:row>62</xdr:row>
      <xdr:rowOff>89034</xdr:rowOff>
    </xdr:to>
    <xdr:cxnSp macro="">
      <xdr:nvCxnSpPr>
        <xdr:cNvPr id="244" name="直線コネクタ 243">
          <a:extLst>
            <a:ext uri="{FF2B5EF4-FFF2-40B4-BE49-F238E27FC236}">
              <a16:creationId xmlns:a16="http://schemas.microsoft.com/office/drawing/2014/main" id="{80762C64-0892-4D15-944C-CFED4B0D1ADB}"/>
            </a:ext>
          </a:extLst>
        </xdr:cNvPr>
        <xdr:cNvCxnSpPr/>
      </xdr:nvCxnSpPr>
      <xdr:spPr>
        <a:xfrm>
          <a:off x="9639300" y="1071893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37617</xdr:rowOff>
    </xdr:from>
    <xdr:to>
      <xdr:col>46</xdr:col>
      <xdr:colOff>38100</xdr:colOff>
      <xdr:row>62</xdr:row>
      <xdr:rowOff>139217</xdr:rowOff>
    </xdr:to>
    <xdr:sp macro="" textlink="">
      <xdr:nvSpPr>
        <xdr:cNvPr id="245" name="楕円 244">
          <a:extLst>
            <a:ext uri="{FF2B5EF4-FFF2-40B4-BE49-F238E27FC236}">
              <a16:creationId xmlns:a16="http://schemas.microsoft.com/office/drawing/2014/main" id="{CB0C15EC-6566-48C0-80F9-B0F2770A57CC}"/>
            </a:ext>
          </a:extLst>
        </xdr:cNvPr>
        <xdr:cNvSpPr/>
      </xdr:nvSpPr>
      <xdr:spPr>
        <a:xfrm>
          <a:off x="8699500" y="10667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8417</xdr:rowOff>
    </xdr:from>
    <xdr:to>
      <xdr:col>50</xdr:col>
      <xdr:colOff>114300</xdr:colOff>
      <xdr:row>62</xdr:row>
      <xdr:rowOff>89034</xdr:rowOff>
    </xdr:to>
    <xdr:cxnSp macro="">
      <xdr:nvCxnSpPr>
        <xdr:cNvPr id="246" name="直線コネクタ 245">
          <a:extLst>
            <a:ext uri="{FF2B5EF4-FFF2-40B4-BE49-F238E27FC236}">
              <a16:creationId xmlns:a16="http://schemas.microsoft.com/office/drawing/2014/main" id="{40F246E2-B2E2-4A82-8B36-391B7DBEA281}"/>
            </a:ext>
          </a:extLst>
        </xdr:cNvPr>
        <xdr:cNvCxnSpPr/>
      </xdr:nvCxnSpPr>
      <xdr:spPr>
        <a:xfrm>
          <a:off x="8750300" y="10718317"/>
          <a:ext cx="889000" cy="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43029</xdr:rowOff>
    </xdr:from>
    <xdr:to>
      <xdr:col>41</xdr:col>
      <xdr:colOff>101600</xdr:colOff>
      <xdr:row>62</xdr:row>
      <xdr:rowOff>144629</xdr:rowOff>
    </xdr:to>
    <xdr:sp macro="" textlink="">
      <xdr:nvSpPr>
        <xdr:cNvPr id="247" name="楕円 246">
          <a:extLst>
            <a:ext uri="{FF2B5EF4-FFF2-40B4-BE49-F238E27FC236}">
              <a16:creationId xmlns:a16="http://schemas.microsoft.com/office/drawing/2014/main" id="{DD3B1EEA-4E5E-4F50-96D7-56CC050D6721}"/>
            </a:ext>
          </a:extLst>
        </xdr:cNvPr>
        <xdr:cNvSpPr/>
      </xdr:nvSpPr>
      <xdr:spPr>
        <a:xfrm>
          <a:off x="7810500" y="10672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88417</xdr:rowOff>
    </xdr:from>
    <xdr:to>
      <xdr:col>45</xdr:col>
      <xdr:colOff>177800</xdr:colOff>
      <xdr:row>62</xdr:row>
      <xdr:rowOff>93829</xdr:rowOff>
    </xdr:to>
    <xdr:cxnSp macro="">
      <xdr:nvCxnSpPr>
        <xdr:cNvPr id="248" name="直線コネクタ 247">
          <a:extLst>
            <a:ext uri="{FF2B5EF4-FFF2-40B4-BE49-F238E27FC236}">
              <a16:creationId xmlns:a16="http://schemas.microsoft.com/office/drawing/2014/main" id="{B429FC98-ED62-414A-AA8A-0A990B81E609}"/>
            </a:ext>
          </a:extLst>
        </xdr:cNvPr>
        <xdr:cNvCxnSpPr/>
      </xdr:nvCxnSpPr>
      <xdr:spPr>
        <a:xfrm flipV="1">
          <a:off x="7861300" y="10718317"/>
          <a:ext cx="889000" cy="5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42931</xdr:rowOff>
    </xdr:from>
    <xdr:to>
      <xdr:col>36</xdr:col>
      <xdr:colOff>165100</xdr:colOff>
      <xdr:row>62</xdr:row>
      <xdr:rowOff>144531</xdr:rowOff>
    </xdr:to>
    <xdr:sp macro="" textlink="">
      <xdr:nvSpPr>
        <xdr:cNvPr id="249" name="楕円 248">
          <a:extLst>
            <a:ext uri="{FF2B5EF4-FFF2-40B4-BE49-F238E27FC236}">
              <a16:creationId xmlns:a16="http://schemas.microsoft.com/office/drawing/2014/main" id="{68D4F971-1483-418B-87B9-86000435C24E}"/>
            </a:ext>
          </a:extLst>
        </xdr:cNvPr>
        <xdr:cNvSpPr/>
      </xdr:nvSpPr>
      <xdr:spPr>
        <a:xfrm>
          <a:off x="6921500" y="1067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93731</xdr:rowOff>
    </xdr:from>
    <xdr:to>
      <xdr:col>41</xdr:col>
      <xdr:colOff>50800</xdr:colOff>
      <xdr:row>62</xdr:row>
      <xdr:rowOff>93829</xdr:rowOff>
    </xdr:to>
    <xdr:cxnSp macro="">
      <xdr:nvCxnSpPr>
        <xdr:cNvPr id="250" name="直線コネクタ 249">
          <a:extLst>
            <a:ext uri="{FF2B5EF4-FFF2-40B4-BE49-F238E27FC236}">
              <a16:creationId xmlns:a16="http://schemas.microsoft.com/office/drawing/2014/main" id="{96DDBE87-A17C-4AA4-969B-EB35135CAA54}"/>
            </a:ext>
          </a:extLst>
        </xdr:cNvPr>
        <xdr:cNvCxnSpPr/>
      </xdr:nvCxnSpPr>
      <xdr:spPr>
        <a:xfrm>
          <a:off x="6972300" y="10723631"/>
          <a:ext cx="889000" cy="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59</xdr:row>
      <xdr:rowOff>24344</xdr:rowOff>
    </xdr:from>
    <xdr:ext cx="534377" cy="259045"/>
    <xdr:sp macro="" textlink="">
      <xdr:nvSpPr>
        <xdr:cNvPr id="251" name="n_1aveValue【橋りょう・トンネル】&#10;一人当たり有形固定資産（償却資産）額">
          <a:extLst>
            <a:ext uri="{FF2B5EF4-FFF2-40B4-BE49-F238E27FC236}">
              <a16:creationId xmlns:a16="http://schemas.microsoft.com/office/drawing/2014/main" id="{5AAEA429-DE99-466A-B9F0-E466769D55EF}"/>
            </a:ext>
          </a:extLst>
        </xdr:cNvPr>
        <xdr:cNvSpPr txBox="1"/>
      </xdr:nvSpPr>
      <xdr:spPr>
        <a:xfrm>
          <a:off x="9359411" y="10139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164819</xdr:rowOff>
    </xdr:from>
    <xdr:ext cx="534377" cy="259045"/>
    <xdr:sp macro="" textlink="">
      <xdr:nvSpPr>
        <xdr:cNvPr id="252" name="n_2aveValue【橋りょう・トンネル】&#10;一人当たり有形固定資産（償却資産）額">
          <a:extLst>
            <a:ext uri="{FF2B5EF4-FFF2-40B4-BE49-F238E27FC236}">
              <a16:creationId xmlns:a16="http://schemas.microsoft.com/office/drawing/2014/main" id="{342B50AB-B017-41CF-98C8-F6235E611000}"/>
            </a:ext>
          </a:extLst>
        </xdr:cNvPr>
        <xdr:cNvSpPr txBox="1"/>
      </xdr:nvSpPr>
      <xdr:spPr>
        <a:xfrm>
          <a:off x="8483111" y="10108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168094</xdr:rowOff>
    </xdr:from>
    <xdr:ext cx="534377" cy="259045"/>
    <xdr:sp macro="" textlink="">
      <xdr:nvSpPr>
        <xdr:cNvPr id="253" name="n_3aveValue【橋りょう・トンネル】&#10;一人当たり有形固定資産（償却資産）額">
          <a:extLst>
            <a:ext uri="{FF2B5EF4-FFF2-40B4-BE49-F238E27FC236}">
              <a16:creationId xmlns:a16="http://schemas.microsoft.com/office/drawing/2014/main" id="{D5C4384A-A8E8-4DA6-948E-72C2377A8A28}"/>
            </a:ext>
          </a:extLst>
        </xdr:cNvPr>
        <xdr:cNvSpPr txBox="1"/>
      </xdr:nvSpPr>
      <xdr:spPr>
        <a:xfrm>
          <a:off x="7594111" y="10112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168568</xdr:rowOff>
    </xdr:from>
    <xdr:ext cx="534377" cy="259045"/>
    <xdr:sp macro="" textlink="">
      <xdr:nvSpPr>
        <xdr:cNvPr id="254" name="n_4aveValue【橋りょう・トンネル】&#10;一人当たり有形固定資産（償却資産）額">
          <a:extLst>
            <a:ext uri="{FF2B5EF4-FFF2-40B4-BE49-F238E27FC236}">
              <a16:creationId xmlns:a16="http://schemas.microsoft.com/office/drawing/2014/main" id="{EE9E0339-F203-436F-AD45-FC644201C1DE}"/>
            </a:ext>
          </a:extLst>
        </xdr:cNvPr>
        <xdr:cNvSpPr txBox="1"/>
      </xdr:nvSpPr>
      <xdr:spPr>
        <a:xfrm>
          <a:off x="6705111" y="1011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130961</xdr:rowOff>
    </xdr:from>
    <xdr:ext cx="534377" cy="259045"/>
    <xdr:sp macro="" textlink="">
      <xdr:nvSpPr>
        <xdr:cNvPr id="255" name="n_1mainValue【橋りょう・トンネル】&#10;一人当たり有形固定資産（償却資産）額">
          <a:extLst>
            <a:ext uri="{FF2B5EF4-FFF2-40B4-BE49-F238E27FC236}">
              <a16:creationId xmlns:a16="http://schemas.microsoft.com/office/drawing/2014/main" id="{38D9F916-6B46-4CF0-A5E1-7314756F09C2}"/>
            </a:ext>
          </a:extLst>
        </xdr:cNvPr>
        <xdr:cNvSpPr txBox="1"/>
      </xdr:nvSpPr>
      <xdr:spPr>
        <a:xfrm>
          <a:off x="9359411" y="10760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30344</xdr:rowOff>
    </xdr:from>
    <xdr:ext cx="534377" cy="259045"/>
    <xdr:sp macro="" textlink="">
      <xdr:nvSpPr>
        <xdr:cNvPr id="256" name="n_2mainValue【橋りょう・トンネル】&#10;一人当たり有形固定資産（償却資産）額">
          <a:extLst>
            <a:ext uri="{FF2B5EF4-FFF2-40B4-BE49-F238E27FC236}">
              <a16:creationId xmlns:a16="http://schemas.microsoft.com/office/drawing/2014/main" id="{B1BFB762-09F1-4E29-B311-BCE102420C03}"/>
            </a:ext>
          </a:extLst>
        </xdr:cNvPr>
        <xdr:cNvSpPr txBox="1"/>
      </xdr:nvSpPr>
      <xdr:spPr>
        <a:xfrm>
          <a:off x="8483111" y="10760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35756</xdr:rowOff>
    </xdr:from>
    <xdr:ext cx="534377" cy="259045"/>
    <xdr:sp macro="" textlink="">
      <xdr:nvSpPr>
        <xdr:cNvPr id="257" name="n_3mainValue【橋りょう・トンネル】&#10;一人当たり有形固定資産（償却資産）額">
          <a:extLst>
            <a:ext uri="{FF2B5EF4-FFF2-40B4-BE49-F238E27FC236}">
              <a16:creationId xmlns:a16="http://schemas.microsoft.com/office/drawing/2014/main" id="{7F5717A4-F278-45F9-B75D-ED1A11C34D40}"/>
            </a:ext>
          </a:extLst>
        </xdr:cNvPr>
        <xdr:cNvSpPr txBox="1"/>
      </xdr:nvSpPr>
      <xdr:spPr>
        <a:xfrm>
          <a:off x="7594111" y="10765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135658</xdr:rowOff>
    </xdr:from>
    <xdr:ext cx="534377" cy="259045"/>
    <xdr:sp macro="" textlink="">
      <xdr:nvSpPr>
        <xdr:cNvPr id="258" name="n_4mainValue【橋りょう・トンネル】&#10;一人当たり有形固定資産（償却資産）額">
          <a:extLst>
            <a:ext uri="{FF2B5EF4-FFF2-40B4-BE49-F238E27FC236}">
              <a16:creationId xmlns:a16="http://schemas.microsoft.com/office/drawing/2014/main" id="{4BD3F3B5-5BA6-4169-9CF7-CA73A7344E70}"/>
            </a:ext>
          </a:extLst>
        </xdr:cNvPr>
        <xdr:cNvSpPr txBox="1"/>
      </xdr:nvSpPr>
      <xdr:spPr>
        <a:xfrm>
          <a:off x="6705111" y="10765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a:extLst>
            <a:ext uri="{FF2B5EF4-FFF2-40B4-BE49-F238E27FC236}">
              <a16:creationId xmlns:a16="http://schemas.microsoft.com/office/drawing/2014/main" id="{3F8B7A55-B90F-4559-A006-69B6F429C72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a:extLst>
            <a:ext uri="{FF2B5EF4-FFF2-40B4-BE49-F238E27FC236}">
              <a16:creationId xmlns:a16="http://schemas.microsoft.com/office/drawing/2014/main" id="{FF3092A4-FE43-4D87-8E6C-3B4E20AEB461}"/>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a:extLst>
            <a:ext uri="{FF2B5EF4-FFF2-40B4-BE49-F238E27FC236}">
              <a16:creationId xmlns:a16="http://schemas.microsoft.com/office/drawing/2014/main" id="{0EF33574-FFAB-4857-AB46-79869206384B}"/>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a:extLst>
            <a:ext uri="{FF2B5EF4-FFF2-40B4-BE49-F238E27FC236}">
              <a16:creationId xmlns:a16="http://schemas.microsoft.com/office/drawing/2014/main" id="{F2F18143-1BEE-421C-A8DC-FA9040AFFF0F}"/>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a:extLst>
            <a:ext uri="{FF2B5EF4-FFF2-40B4-BE49-F238E27FC236}">
              <a16:creationId xmlns:a16="http://schemas.microsoft.com/office/drawing/2014/main" id="{DDBD0696-0BB7-421B-9D5F-8BC1AA84930C}"/>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a:extLst>
            <a:ext uri="{FF2B5EF4-FFF2-40B4-BE49-F238E27FC236}">
              <a16:creationId xmlns:a16="http://schemas.microsoft.com/office/drawing/2014/main" id="{59DFA536-AB68-49EE-AC90-C72BB2BD9EAC}"/>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a:extLst>
            <a:ext uri="{FF2B5EF4-FFF2-40B4-BE49-F238E27FC236}">
              <a16:creationId xmlns:a16="http://schemas.microsoft.com/office/drawing/2014/main" id="{9B85A946-B78F-4609-A011-EF7B963DD827}"/>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a:extLst>
            <a:ext uri="{FF2B5EF4-FFF2-40B4-BE49-F238E27FC236}">
              <a16:creationId xmlns:a16="http://schemas.microsoft.com/office/drawing/2014/main" id="{2F986CB3-6DF2-4ED4-90AF-7B664CC5D3D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a:extLst>
            <a:ext uri="{FF2B5EF4-FFF2-40B4-BE49-F238E27FC236}">
              <a16:creationId xmlns:a16="http://schemas.microsoft.com/office/drawing/2014/main" id="{751AA70C-C861-467A-A69D-5F1E0DD1F80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a:extLst>
            <a:ext uri="{FF2B5EF4-FFF2-40B4-BE49-F238E27FC236}">
              <a16:creationId xmlns:a16="http://schemas.microsoft.com/office/drawing/2014/main" id="{EEC41C3F-A92F-4FBF-933D-A93B42EE3F42}"/>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a:extLst>
            <a:ext uri="{FF2B5EF4-FFF2-40B4-BE49-F238E27FC236}">
              <a16:creationId xmlns:a16="http://schemas.microsoft.com/office/drawing/2014/main" id="{93C93EE9-31DF-4C4E-B514-E8C2E9C287C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0" name="直線コネクタ 269">
          <a:extLst>
            <a:ext uri="{FF2B5EF4-FFF2-40B4-BE49-F238E27FC236}">
              <a16:creationId xmlns:a16="http://schemas.microsoft.com/office/drawing/2014/main" id="{C97FFCFF-BDDF-4B02-B81F-2CD5877C9428}"/>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1" name="テキスト ボックス 270">
          <a:extLst>
            <a:ext uri="{FF2B5EF4-FFF2-40B4-BE49-F238E27FC236}">
              <a16:creationId xmlns:a16="http://schemas.microsoft.com/office/drawing/2014/main" id="{412E9DF6-2727-4B1E-8C66-49AB07EBBB41}"/>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2" name="直線コネクタ 271">
          <a:extLst>
            <a:ext uri="{FF2B5EF4-FFF2-40B4-BE49-F238E27FC236}">
              <a16:creationId xmlns:a16="http://schemas.microsoft.com/office/drawing/2014/main" id="{EFE30FFA-C227-4D97-A7B6-C4B17B3E6D76}"/>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3" name="テキスト ボックス 272">
          <a:extLst>
            <a:ext uri="{FF2B5EF4-FFF2-40B4-BE49-F238E27FC236}">
              <a16:creationId xmlns:a16="http://schemas.microsoft.com/office/drawing/2014/main" id="{D4862C92-79D4-4640-91A6-0D8F407F393F}"/>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4" name="直線コネクタ 273">
          <a:extLst>
            <a:ext uri="{FF2B5EF4-FFF2-40B4-BE49-F238E27FC236}">
              <a16:creationId xmlns:a16="http://schemas.microsoft.com/office/drawing/2014/main" id="{EEC71F6A-0F33-4C39-8FDE-5F7F1CCF60B9}"/>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5" name="テキスト ボックス 274">
          <a:extLst>
            <a:ext uri="{FF2B5EF4-FFF2-40B4-BE49-F238E27FC236}">
              <a16:creationId xmlns:a16="http://schemas.microsoft.com/office/drawing/2014/main" id="{503C4286-57D2-4A65-A175-C076EDCF2B63}"/>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6" name="直線コネクタ 275">
          <a:extLst>
            <a:ext uri="{FF2B5EF4-FFF2-40B4-BE49-F238E27FC236}">
              <a16:creationId xmlns:a16="http://schemas.microsoft.com/office/drawing/2014/main" id="{BCBC0C65-B889-40AD-831C-56DBD2595BB3}"/>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7" name="テキスト ボックス 276">
          <a:extLst>
            <a:ext uri="{FF2B5EF4-FFF2-40B4-BE49-F238E27FC236}">
              <a16:creationId xmlns:a16="http://schemas.microsoft.com/office/drawing/2014/main" id="{B7681E1D-601A-4F2E-8096-3330ECD823C5}"/>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8" name="直線コネクタ 277">
          <a:extLst>
            <a:ext uri="{FF2B5EF4-FFF2-40B4-BE49-F238E27FC236}">
              <a16:creationId xmlns:a16="http://schemas.microsoft.com/office/drawing/2014/main" id="{3510B98C-EB2F-4CFD-BD09-8C119C323C93}"/>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9" name="テキスト ボックス 278">
          <a:extLst>
            <a:ext uri="{FF2B5EF4-FFF2-40B4-BE49-F238E27FC236}">
              <a16:creationId xmlns:a16="http://schemas.microsoft.com/office/drawing/2014/main" id="{2352059A-0E7E-4A1A-8BF8-0AEC0A70CC2C}"/>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0" name="【公営住宅】&#10;有形固定資産減価償却率グラフ枠">
          <a:extLst>
            <a:ext uri="{FF2B5EF4-FFF2-40B4-BE49-F238E27FC236}">
              <a16:creationId xmlns:a16="http://schemas.microsoft.com/office/drawing/2014/main" id="{65E453E1-D341-4264-BD9E-5F4910339BB7}"/>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5824</xdr:rowOff>
    </xdr:from>
    <xdr:to>
      <xdr:col>24</xdr:col>
      <xdr:colOff>62865</xdr:colOff>
      <xdr:row>86</xdr:row>
      <xdr:rowOff>38100</xdr:rowOff>
    </xdr:to>
    <xdr:cxnSp macro="">
      <xdr:nvCxnSpPr>
        <xdr:cNvPr id="281" name="直線コネクタ 280">
          <a:extLst>
            <a:ext uri="{FF2B5EF4-FFF2-40B4-BE49-F238E27FC236}">
              <a16:creationId xmlns:a16="http://schemas.microsoft.com/office/drawing/2014/main" id="{82099DB8-48E7-49BF-9AFD-423DFC757870}"/>
            </a:ext>
          </a:extLst>
        </xdr:cNvPr>
        <xdr:cNvCxnSpPr/>
      </xdr:nvCxnSpPr>
      <xdr:spPr>
        <a:xfrm flipV="1">
          <a:off x="4634865" y="13317474"/>
          <a:ext cx="0" cy="14653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82" name="【公営住宅】&#10;有形固定資産減価償却率最小値テキスト">
          <a:extLst>
            <a:ext uri="{FF2B5EF4-FFF2-40B4-BE49-F238E27FC236}">
              <a16:creationId xmlns:a16="http://schemas.microsoft.com/office/drawing/2014/main" id="{2D1B5958-E115-4FFA-AB0A-03F1AC2A5FE0}"/>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83" name="直線コネクタ 282">
          <a:extLst>
            <a:ext uri="{FF2B5EF4-FFF2-40B4-BE49-F238E27FC236}">
              <a16:creationId xmlns:a16="http://schemas.microsoft.com/office/drawing/2014/main" id="{5969A830-E2A7-4648-A19D-D6AA22F65F56}"/>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2501</xdr:rowOff>
    </xdr:from>
    <xdr:ext cx="405111" cy="259045"/>
    <xdr:sp macro="" textlink="">
      <xdr:nvSpPr>
        <xdr:cNvPr id="284" name="【公営住宅】&#10;有形固定資産減価償却率最大値テキスト">
          <a:extLst>
            <a:ext uri="{FF2B5EF4-FFF2-40B4-BE49-F238E27FC236}">
              <a16:creationId xmlns:a16="http://schemas.microsoft.com/office/drawing/2014/main" id="{6C896185-CD93-4ECC-A35F-889E6FF3E4E2}"/>
            </a:ext>
          </a:extLst>
        </xdr:cNvPr>
        <xdr:cNvSpPr txBox="1"/>
      </xdr:nvSpPr>
      <xdr:spPr>
        <a:xfrm>
          <a:off x="4673600" y="13092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5824</xdr:rowOff>
    </xdr:from>
    <xdr:to>
      <xdr:col>24</xdr:col>
      <xdr:colOff>152400</xdr:colOff>
      <xdr:row>77</xdr:row>
      <xdr:rowOff>115824</xdr:rowOff>
    </xdr:to>
    <xdr:cxnSp macro="">
      <xdr:nvCxnSpPr>
        <xdr:cNvPr id="285" name="直線コネクタ 284">
          <a:extLst>
            <a:ext uri="{FF2B5EF4-FFF2-40B4-BE49-F238E27FC236}">
              <a16:creationId xmlns:a16="http://schemas.microsoft.com/office/drawing/2014/main" id="{4F522DB4-846E-4227-A19F-915DDD7C55EF}"/>
            </a:ext>
          </a:extLst>
        </xdr:cNvPr>
        <xdr:cNvCxnSpPr/>
      </xdr:nvCxnSpPr>
      <xdr:spPr>
        <a:xfrm>
          <a:off x="4546600" y="13317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08475</xdr:rowOff>
    </xdr:from>
    <xdr:ext cx="405111" cy="259045"/>
    <xdr:sp macro="" textlink="">
      <xdr:nvSpPr>
        <xdr:cNvPr id="286" name="【公営住宅】&#10;有形固定資産減価償却率平均値テキスト">
          <a:extLst>
            <a:ext uri="{FF2B5EF4-FFF2-40B4-BE49-F238E27FC236}">
              <a16:creationId xmlns:a16="http://schemas.microsoft.com/office/drawing/2014/main" id="{AB0F7A87-5C97-4073-BBCF-B10BB8675D65}"/>
            </a:ext>
          </a:extLst>
        </xdr:cNvPr>
        <xdr:cNvSpPr txBox="1"/>
      </xdr:nvSpPr>
      <xdr:spPr>
        <a:xfrm>
          <a:off x="4673600" y="1382447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5598</xdr:rowOff>
    </xdr:from>
    <xdr:to>
      <xdr:col>24</xdr:col>
      <xdr:colOff>114300</xdr:colOff>
      <xdr:row>82</xdr:row>
      <xdr:rowOff>15748</xdr:rowOff>
    </xdr:to>
    <xdr:sp macro="" textlink="">
      <xdr:nvSpPr>
        <xdr:cNvPr id="287" name="フローチャート: 判断 286">
          <a:extLst>
            <a:ext uri="{FF2B5EF4-FFF2-40B4-BE49-F238E27FC236}">
              <a16:creationId xmlns:a16="http://schemas.microsoft.com/office/drawing/2014/main" id="{9574CE62-DECC-4ACE-AAF1-2EC6F22B77C1}"/>
            </a:ext>
          </a:extLst>
        </xdr:cNvPr>
        <xdr:cNvSpPr/>
      </xdr:nvSpPr>
      <xdr:spPr>
        <a:xfrm>
          <a:off x="4584700" y="13973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6737</xdr:rowOff>
    </xdr:from>
    <xdr:to>
      <xdr:col>20</xdr:col>
      <xdr:colOff>38100</xdr:colOff>
      <xdr:row>81</xdr:row>
      <xdr:rowOff>148337</xdr:rowOff>
    </xdr:to>
    <xdr:sp macro="" textlink="">
      <xdr:nvSpPr>
        <xdr:cNvPr id="288" name="フローチャート: 判断 287">
          <a:extLst>
            <a:ext uri="{FF2B5EF4-FFF2-40B4-BE49-F238E27FC236}">
              <a16:creationId xmlns:a16="http://schemas.microsoft.com/office/drawing/2014/main" id="{A57E4620-027A-4832-A22D-703B0CD69262}"/>
            </a:ext>
          </a:extLst>
        </xdr:cNvPr>
        <xdr:cNvSpPr/>
      </xdr:nvSpPr>
      <xdr:spPr>
        <a:xfrm>
          <a:off x="3746500" y="1393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161</xdr:rowOff>
    </xdr:from>
    <xdr:to>
      <xdr:col>15</xdr:col>
      <xdr:colOff>101600</xdr:colOff>
      <xdr:row>81</xdr:row>
      <xdr:rowOff>111761</xdr:rowOff>
    </xdr:to>
    <xdr:sp macro="" textlink="">
      <xdr:nvSpPr>
        <xdr:cNvPr id="289" name="フローチャート: 判断 288">
          <a:extLst>
            <a:ext uri="{FF2B5EF4-FFF2-40B4-BE49-F238E27FC236}">
              <a16:creationId xmlns:a16="http://schemas.microsoft.com/office/drawing/2014/main" id="{8A0ED7EF-73A6-40EB-A624-3368E00300B4}"/>
            </a:ext>
          </a:extLst>
        </xdr:cNvPr>
        <xdr:cNvSpPr/>
      </xdr:nvSpPr>
      <xdr:spPr>
        <a:xfrm>
          <a:off x="2857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47320</xdr:rowOff>
    </xdr:from>
    <xdr:to>
      <xdr:col>10</xdr:col>
      <xdr:colOff>165100</xdr:colOff>
      <xdr:row>81</xdr:row>
      <xdr:rowOff>77470</xdr:rowOff>
    </xdr:to>
    <xdr:sp macro="" textlink="">
      <xdr:nvSpPr>
        <xdr:cNvPr id="290" name="フローチャート: 判断 289">
          <a:extLst>
            <a:ext uri="{FF2B5EF4-FFF2-40B4-BE49-F238E27FC236}">
              <a16:creationId xmlns:a16="http://schemas.microsoft.com/office/drawing/2014/main" id="{2F4102AC-D510-4522-8650-ACDB9FA227FC}"/>
            </a:ext>
          </a:extLst>
        </xdr:cNvPr>
        <xdr:cNvSpPr/>
      </xdr:nvSpPr>
      <xdr:spPr>
        <a:xfrm>
          <a:off x="1968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24461</xdr:rowOff>
    </xdr:from>
    <xdr:to>
      <xdr:col>6</xdr:col>
      <xdr:colOff>38100</xdr:colOff>
      <xdr:row>81</xdr:row>
      <xdr:rowOff>54611</xdr:rowOff>
    </xdr:to>
    <xdr:sp macro="" textlink="">
      <xdr:nvSpPr>
        <xdr:cNvPr id="291" name="フローチャート: 判断 290">
          <a:extLst>
            <a:ext uri="{FF2B5EF4-FFF2-40B4-BE49-F238E27FC236}">
              <a16:creationId xmlns:a16="http://schemas.microsoft.com/office/drawing/2014/main" id="{EBC86DDE-1DAC-43F6-9C37-401E6D99E9F5}"/>
            </a:ext>
          </a:extLst>
        </xdr:cNvPr>
        <xdr:cNvSpPr/>
      </xdr:nvSpPr>
      <xdr:spPr>
        <a:xfrm>
          <a:off x="1079500" y="1384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2" name="テキスト ボックス 291">
          <a:extLst>
            <a:ext uri="{FF2B5EF4-FFF2-40B4-BE49-F238E27FC236}">
              <a16:creationId xmlns:a16="http://schemas.microsoft.com/office/drawing/2014/main" id="{1295E9C6-1E7F-4065-9950-02FA739ED5C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3" name="テキスト ボックス 292">
          <a:extLst>
            <a:ext uri="{FF2B5EF4-FFF2-40B4-BE49-F238E27FC236}">
              <a16:creationId xmlns:a16="http://schemas.microsoft.com/office/drawing/2014/main" id="{3631137E-450E-441E-9120-B50AF42C38A4}"/>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D3BDF00C-6E69-406E-BE4A-276B2E467911}"/>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9EC39BAB-4A30-4D48-B76E-04A2DD7E96BC}"/>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D436C35F-BA87-41F3-87B6-E6296AD6A529}"/>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71882</xdr:rowOff>
    </xdr:from>
    <xdr:to>
      <xdr:col>24</xdr:col>
      <xdr:colOff>114300</xdr:colOff>
      <xdr:row>85</xdr:row>
      <xdr:rowOff>2032</xdr:rowOff>
    </xdr:to>
    <xdr:sp macro="" textlink="">
      <xdr:nvSpPr>
        <xdr:cNvPr id="297" name="楕円 296">
          <a:extLst>
            <a:ext uri="{FF2B5EF4-FFF2-40B4-BE49-F238E27FC236}">
              <a16:creationId xmlns:a16="http://schemas.microsoft.com/office/drawing/2014/main" id="{E705E982-FD5E-4094-B220-6054D85C4534}"/>
            </a:ext>
          </a:extLst>
        </xdr:cNvPr>
        <xdr:cNvSpPr/>
      </xdr:nvSpPr>
      <xdr:spPr>
        <a:xfrm>
          <a:off x="4584700" y="14473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50309</xdr:rowOff>
    </xdr:from>
    <xdr:ext cx="405111" cy="259045"/>
    <xdr:sp macro="" textlink="">
      <xdr:nvSpPr>
        <xdr:cNvPr id="298" name="【公営住宅】&#10;有形固定資産減価償却率該当値テキスト">
          <a:extLst>
            <a:ext uri="{FF2B5EF4-FFF2-40B4-BE49-F238E27FC236}">
              <a16:creationId xmlns:a16="http://schemas.microsoft.com/office/drawing/2014/main" id="{0C9B10B5-87FC-489F-95B7-E29583BA630A}"/>
            </a:ext>
          </a:extLst>
        </xdr:cNvPr>
        <xdr:cNvSpPr txBox="1"/>
      </xdr:nvSpPr>
      <xdr:spPr>
        <a:xfrm>
          <a:off x="4673600" y="14452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49022</xdr:rowOff>
    </xdr:from>
    <xdr:to>
      <xdr:col>20</xdr:col>
      <xdr:colOff>38100</xdr:colOff>
      <xdr:row>84</xdr:row>
      <xdr:rowOff>150622</xdr:rowOff>
    </xdr:to>
    <xdr:sp macro="" textlink="">
      <xdr:nvSpPr>
        <xdr:cNvPr id="299" name="楕円 298">
          <a:extLst>
            <a:ext uri="{FF2B5EF4-FFF2-40B4-BE49-F238E27FC236}">
              <a16:creationId xmlns:a16="http://schemas.microsoft.com/office/drawing/2014/main" id="{19D22029-3993-4797-8B28-6C49FC40F959}"/>
            </a:ext>
          </a:extLst>
        </xdr:cNvPr>
        <xdr:cNvSpPr/>
      </xdr:nvSpPr>
      <xdr:spPr>
        <a:xfrm>
          <a:off x="3746500" y="1445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99822</xdr:rowOff>
    </xdr:from>
    <xdr:to>
      <xdr:col>24</xdr:col>
      <xdr:colOff>63500</xdr:colOff>
      <xdr:row>84</xdr:row>
      <xdr:rowOff>122682</xdr:rowOff>
    </xdr:to>
    <xdr:cxnSp macro="">
      <xdr:nvCxnSpPr>
        <xdr:cNvPr id="300" name="直線コネクタ 299">
          <a:extLst>
            <a:ext uri="{FF2B5EF4-FFF2-40B4-BE49-F238E27FC236}">
              <a16:creationId xmlns:a16="http://schemas.microsoft.com/office/drawing/2014/main" id="{36755279-2AFB-48FC-8F41-DA1CC628E1EF}"/>
            </a:ext>
          </a:extLst>
        </xdr:cNvPr>
        <xdr:cNvCxnSpPr/>
      </xdr:nvCxnSpPr>
      <xdr:spPr>
        <a:xfrm>
          <a:off x="3797300" y="14501622"/>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35306</xdr:rowOff>
    </xdr:from>
    <xdr:to>
      <xdr:col>15</xdr:col>
      <xdr:colOff>101600</xdr:colOff>
      <xdr:row>84</xdr:row>
      <xdr:rowOff>136906</xdr:rowOff>
    </xdr:to>
    <xdr:sp macro="" textlink="">
      <xdr:nvSpPr>
        <xdr:cNvPr id="301" name="楕円 300">
          <a:extLst>
            <a:ext uri="{FF2B5EF4-FFF2-40B4-BE49-F238E27FC236}">
              <a16:creationId xmlns:a16="http://schemas.microsoft.com/office/drawing/2014/main" id="{C7C84DDA-927F-4F3E-973E-ECC1D990DEE0}"/>
            </a:ext>
          </a:extLst>
        </xdr:cNvPr>
        <xdr:cNvSpPr/>
      </xdr:nvSpPr>
      <xdr:spPr>
        <a:xfrm>
          <a:off x="2857500" y="14437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86106</xdr:rowOff>
    </xdr:from>
    <xdr:to>
      <xdr:col>19</xdr:col>
      <xdr:colOff>177800</xdr:colOff>
      <xdr:row>84</xdr:row>
      <xdr:rowOff>99822</xdr:rowOff>
    </xdr:to>
    <xdr:cxnSp macro="">
      <xdr:nvCxnSpPr>
        <xdr:cNvPr id="302" name="直線コネクタ 301">
          <a:extLst>
            <a:ext uri="{FF2B5EF4-FFF2-40B4-BE49-F238E27FC236}">
              <a16:creationId xmlns:a16="http://schemas.microsoft.com/office/drawing/2014/main" id="{5C6099AF-A51F-4150-899D-CB76C553857B}"/>
            </a:ext>
          </a:extLst>
        </xdr:cNvPr>
        <xdr:cNvCxnSpPr/>
      </xdr:nvCxnSpPr>
      <xdr:spPr>
        <a:xfrm>
          <a:off x="2908300" y="14487906"/>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10161</xdr:rowOff>
    </xdr:from>
    <xdr:to>
      <xdr:col>10</xdr:col>
      <xdr:colOff>165100</xdr:colOff>
      <xdr:row>84</xdr:row>
      <xdr:rowOff>111761</xdr:rowOff>
    </xdr:to>
    <xdr:sp macro="" textlink="">
      <xdr:nvSpPr>
        <xdr:cNvPr id="303" name="楕円 302">
          <a:extLst>
            <a:ext uri="{FF2B5EF4-FFF2-40B4-BE49-F238E27FC236}">
              <a16:creationId xmlns:a16="http://schemas.microsoft.com/office/drawing/2014/main" id="{21C596E3-C935-4615-97F6-9B243387D8F3}"/>
            </a:ext>
          </a:extLst>
        </xdr:cNvPr>
        <xdr:cNvSpPr/>
      </xdr:nvSpPr>
      <xdr:spPr>
        <a:xfrm>
          <a:off x="1968500" y="1441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60961</xdr:rowOff>
    </xdr:from>
    <xdr:to>
      <xdr:col>15</xdr:col>
      <xdr:colOff>50800</xdr:colOff>
      <xdr:row>84</xdr:row>
      <xdr:rowOff>86106</xdr:rowOff>
    </xdr:to>
    <xdr:cxnSp macro="">
      <xdr:nvCxnSpPr>
        <xdr:cNvPr id="304" name="直線コネクタ 303">
          <a:extLst>
            <a:ext uri="{FF2B5EF4-FFF2-40B4-BE49-F238E27FC236}">
              <a16:creationId xmlns:a16="http://schemas.microsoft.com/office/drawing/2014/main" id="{BCC50814-0CF7-41EC-BEC8-11E66207385D}"/>
            </a:ext>
          </a:extLst>
        </xdr:cNvPr>
        <xdr:cNvCxnSpPr/>
      </xdr:nvCxnSpPr>
      <xdr:spPr>
        <a:xfrm>
          <a:off x="2019300" y="14462761"/>
          <a:ext cx="889000" cy="25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54178</xdr:rowOff>
    </xdr:from>
    <xdr:to>
      <xdr:col>6</xdr:col>
      <xdr:colOff>38100</xdr:colOff>
      <xdr:row>84</xdr:row>
      <xdr:rowOff>84328</xdr:rowOff>
    </xdr:to>
    <xdr:sp macro="" textlink="">
      <xdr:nvSpPr>
        <xdr:cNvPr id="305" name="楕円 304">
          <a:extLst>
            <a:ext uri="{FF2B5EF4-FFF2-40B4-BE49-F238E27FC236}">
              <a16:creationId xmlns:a16="http://schemas.microsoft.com/office/drawing/2014/main" id="{C182875F-DF43-44A5-AB7C-C942FC90F1EB}"/>
            </a:ext>
          </a:extLst>
        </xdr:cNvPr>
        <xdr:cNvSpPr/>
      </xdr:nvSpPr>
      <xdr:spPr>
        <a:xfrm>
          <a:off x="1079500" y="1438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33528</xdr:rowOff>
    </xdr:from>
    <xdr:to>
      <xdr:col>10</xdr:col>
      <xdr:colOff>114300</xdr:colOff>
      <xdr:row>84</xdr:row>
      <xdr:rowOff>60961</xdr:rowOff>
    </xdr:to>
    <xdr:cxnSp macro="">
      <xdr:nvCxnSpPr>
        <xdr:cNvPr id="306" name="直線コネクタ 305">
          <a:extLst>
            <a:ext uri="{FF2B5EF4-FFF2-40B4-BE49-F238E27FC236}">
              <a16:creationId xmlns:a16="http://schemas.microsoft.com/office/drawing/2014/main" id="{1DA360B1-1FEE-4D34-8714-19F5F80FB882}"/>
            </a:ext>
          </a:extLst>
        </xdr:cNvPr>
        <xdr:cNvCxnSpPr/>
      </xdr:nvCxnSpPr>
      <xdr:spPr>
        <a:xfrm>
          <a:off x="1130300" y="14435328"/>
          <a:ext cx="8890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64864</xdr:rowOff>
    </xdr:from>
    <xdr:ext cx="405111" cy="259045"/>
    <xdr:sp macro="" textlink="">
      <xdr:nvSpPr>
        <xdr:cNvPr id="307" name="n_1aveValue【公営住宅】&#10;有形固定資産減価償却率">
          <a:extLst>
            <a:ext uri="{FF2B5EF4-FFF2-40B4-BE49-F238E27FC236}">
              <a16:creationId xmlns:a16="http://schemas.microsoft.com/office/drawing/2014/main" id="{DBF30A81-F472-4731-9D55-3D5645FCB176}"/>
            </a:ext>
          </a:extLst>
        </xdr:cNvPr>
        <xdr:cNvSpPr txBox="1"/>
      </xdr:nvSpPr>
      <xdr:spPr>
        <a:xfrm>
          <a:off x="3582044" y="13709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28288</xdr:rowOff>
    </xdr:from>
    <xdr:ext cx="405111" cy="259045"/>
    <xdr:sp macro="" textlink="">
      <xdr:nvSpPr>
        <xdr:cNvPr id="308" name="n_2aveValue【公営住宅】&#10;有形固定資産減価償却率">
          <a:extLst>
            <a:ext uri="{FF2B5EF4-FFF2-40B4-BE49-F238E27FC236}">
              <a16:creationId xmlns:a16="http://schemas.microsoft.com/office/drawing/2014/main" id="{C95401FA-DE49-4BDF-A0AE-96ACE641855D}"/>
            </a:ext>
          </a:extLst>
        </xdr:cNvPr>
        <xdr:cNvSpPr txBox="1"/>
      </xdr:nvSpPr>
      <xdr:spPr>
        <a:xfrm>
          <a:off x="2705744"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93997</xdr:rowOff>
    </xdr:from>
    <xdr:ext cx="405111" cy="259045"/>
    <xdr:sp macro="" textlink="">
      <xdr:nvSpPr>
        <xdr:cNvPr id="309" name="n_3aveValue【公営住宅】&#10;有形固定資産減価償却率">
          <a:extLst>
            <a:ext uri="{FF2B5EF4-FFF2-40B4-BE49-F238E27FC236}">
              <a16:creationId xmlns:a16="http://schemas.microsoft.com/office/drawing/2014/main" id="{000B16F1-C832-4F14-913D-D0608C227A90}"/>
            </a:ext>
          </a:extLst>
        </xdr:cNvPr>
        <xdr:cNvSpPr txBox="1"/>
      </xdr:nvSpPr>
      <xdr:spPr>
        <a:xfrm>
          <a:off x="1816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71138</xdr:rowOff>
    </xdr:from>
    <xdr:ext cx="405111" cy="259045"/>
    <xdr:sp macro="" textlink="">
      <xdr:nvSpPr>
        <xdr:cNvPr id="310" name="n_4aveValue【公営住宅】&#10;有形固定資産減価償却率">
          <a:extLst>
            <a:ext uri="{FF2B5EF4-FFF2-40B4-BE49-F238E27FC236}">
              <a16:creationId xmlns:a16="http://schemas.microsoft.com/office/drawing/2014/main" id="{DA2F8025-ECED-4E69-9468-8F612051E2E3}"/>
            </a:ext>
          </a:extLst>
        </xdr:cNvPr>
        <xdr:cNvSpPr txBox="1"/>
      </xdr:nvSpPr>
      <xdr:spPr>
        <a:xfrm>
          <a:off x="927744" y="1361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41749</xdr:rowOff>
    </xdr:from>
    <xdr:ext cx="405111" cy="259045"/>
    <xdr:sp macro="" textlink="">
      <xdr:nvSpPr>
        <xdr:cNvPr id="311" name="n_1mainValue【公営住宅】&#10;有形固定資産減価償却率">
          <a:extLst>
            <a:ext uri="{FF2B5EF4-FFF2-40B4-BE49-F238E27FC236}">
              <a16:creationId xmlns:a16="http://schemas.microsoft.com/office/drawing/2014/main" id="{A5429AA1-2C97-4283-87A2-59F399375054}"/>
            </a:ext>
          </a:extLst>
        </xdr:cNvPr>
        <xdr:cNvSpPr txBox="1"/>
      </xdr:nvSpPr>
      <xdr:spPr>
        <a:xfrm>
          <a:off x="3582044" y="14543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28033</xdr:rowOff>
    </xdr:from>
    <xdr:ext cx="405111" cy="259045"/>
    <xdr:sp macro="" textlink="">
      <xdr:nvSpPr>
        <xdr:cNvPr id="312" name="n_2mainValue【公営住宅】&#10;有形固定資産減価償却率">
          <a:extLst>
            <a:ext uri="{FF2B5EF4-FFF2-40B4-BE49-F238E27FC236}">
              <a16:creationId xmlns:a16="http://schemas.microsoft.com/office/drawing/2014/main" id="{DB181334-9E9D-45C0-B8C0-C9CAF45DC8B2}"/>
            </a:ext>
          </a:extLst>
        </xdr:cNvPr>
        <xdr:cNvSpPr txBox="1"/>
      </xdr:nvSpPr>
      <xdr:spPr>
        <a:xfrm>
          <a:off x="2705744" y="14529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102888</xdr:rowOff>
    </xdr:from>
    <xdr:ext cx="405111" cy="259045"/>
    <xdr:sp macro="" textlink="">
      <xdr:nvSpPr>
        <xdr:cNvPr id="313" name="n_3mainValue【公営住宅】&#10;有形固定資産減価償却率">
          <a:extLst>
            <a:ext uri="{FF2B5EF4-FFF2-40B4-BE49-F238E27FC236}">
              <a16:creationId xmlns:a16="http://schemas.microsoft.com/office/drawing/2014/main" id="{21A01405-5AAC-45FA-9073-766E7BD6612D}"/>
            </a:ext>
          </a:extLst>
        </xdr:cNvPr>
        <xdr:cNvSpPr txBox="1"/>
      </xdr:nvSpPr>
      <xdr:spPr>
        <a:xfrm>
          <a:off x="1816744" y="14504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75455</xdr:rowOff>
    </xdr:from>
    <xdr:ext cx="405111" cy="259045"/>
    <xdr:sp macro="" textlink="">
      <xdr:nvSpPr>
        <xdr:cNvPr id="314" name="n_4mainValue【公営住宅】&#10;有形固定資産減価償却率">
          <a:extLst>
            <a:ext uri="{FF2B5EF4-FFF2-40B4-BE49-F238E27FC236}">
              <a16:creationId xmlns:a16="http://schemas.microsoft.com/office/drawing/2014/main" id="{F86FDD82-B11D-4059-9889-E4622E866432}"/>
            </a:ext>
          </a:extLst>
        </xdr:cNvPr>
        <xdr:cNvSpPr txBox="1"/>
      </xdr:nvSpPr>
      <xdr:spPr>
        <a:xfrm>
          <a:off x="927744" y="14477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5" name="正方形/長方形 314">
          <a:extLst>
            <a:ext uri="{FF2B5EF4-FFF2-40B4-BE49-F238E27FC236}">
              <a16:creationId xmlns:a16="http://schemas.microsoft.com/office/drawing/2014/main" id="{B147699D-F28B-48CF-AE0D-5EC01166F941}"/>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6" name="正方形/長方形 315">
          <a:extLst>
            <a:ext uri="{FF2B5EF4-FFF2-40B4-BE49-F238E27FC236}">
              <a16:creationId xmlns:a16="http://schemas.microsoft.com/office/drawing/2014/main" id="{8CBFFBF3-5A86-4BA2-A497-DCEAC388FB01}"/>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7" name="正方形/長方形 316">
          <a:extLst>
            <a:ext uri="{FF2B5EF4-FFF2-40B4-BE49-F238E27FC236}">
              <a16:creationId xmlns:a16="http://schemas.microsoft.com/office/drawing/2014/main" id="{B78E1FDB-10F1-4E49-8C40-031E6AEB928D}"/>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8" name="正方形/長方形 317">
          <a:extLst>
            <a:ext uri="{FF2B5EF4-FFF2-40B4-BE49-F238E27FC236}">
              <a16:creationId xmlns:a16="http://schemas.microsoft.com/office/drawing/2014/main" id="{02F55F48-F11A-4E4B-B174-CEF4F0D643D1}"/>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9" name="正方形/長方形 318">
          <a:extLst>
            <a:ext uri="{FF2B5EF4-FFF2-40B4-BE49-F238E27FC236}">
              <a16:creationId xmlns:a16="http://schemas.microsoft.com/office/drawing/2014/main" id="{A11B3B5F-E567-4F78-A9C4-EEE6EBEFF3DC}"/>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0" name="正方形/長方形 319">
          <a:extLst>
            <a:ext uri="{FF2B5EF4-FFF2-40B4-BE49-F238E27FC236}">
              <a16:creationId xmlns:a16="http://schemas.microsoft.com/office/drawing/2014/main" id="{C621ECCB-6F0D-49DF-BAB2-3B2D318B5272}"/>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1" name="正方形/長方形 320">
          <a:extLst>
            <a:ext uri="{FF2B5EF4-FFF2-40B4-BE49-F238E27FC236}">
              <a16:creationId xmlns:a16="http://schemas.microsoft.com/office/drawing/2014/main" id="{35E6326A-2F1C-4F08-B558-A6A820468D54}"/>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2" name="正方形/長方形 321">
          <a:extLst>
            <a:ext uri="{FF2B5EF4-FFF2-40B4-BE49-F238E27FC236}">
              <a16:creationId xmlns:a16="http://schemas.microsoft.com/office/drawing/2014/main" id="{21D68680-100B-480E-BCA2-6972D736120C}"/>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3" name="テキスト ボックス 322">
          <a:extLst>
            <a:ext uri="{FF2B5EF4-FFF2-40B4-BE49-F238E27FC236}">
              <a16:creationId xmlns:a16="http://schemas.microsoft.com/office/drawing/2014/main" id="{A066D446-D11D-4941-BD41-D976EB3098C7}"/>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4" name="直線コネクタ 323">
          <a:extLst>
            <a:ext uri="{FF2B5EF4-FFF2-40B4-BE49-F238E27FC236}">
              <a16:creationId xmlns:a16="http://schemas.microsoft.com/office/drawing/2014/main" id="{7C96FF98-E869-40D2-AD0A-68D7BEF05D46}"/>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5" name="直線コネクタ 324">
          <a:extLst>
            <a:ext uri="{FF2B5EF4-FFF2-40B4-BE49-F238E27FC236}">
              <a16:creationId xmlns:a16="http://schemas.microsoft.com/office/drawing/2014/main" id="{A6983344-5E21-475A-AC1C-E5423D05DA5B}"/>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6" name="テキスト ボックス 325">
          <a:extLst>
            <a:ext uri="{FF2B5EF4-FFF2-40B4-BE49-F238E27FC236}">
              <a16:creationId xmlns:a16="http://schemas.microsoft.com/office/drawing/2014/main" id="{A82086B2-0CA6-4657-A96F-31696F809F7E}"/>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7" name="直線コネクタ 326">
          <a:extLst>
            <a:ext uri="{FF2B5EF4-FFF2-40B4-BE49-F238E27FC236}">
              <a16:creationId xmlns:a16="http://schemas.microsoft.com/office/drawing/2014/main" id="{3C748475-5C2A-40C7-A92E-F0CCE1AEEC48}"/>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8" name="テキスト ボックス 327">
          <a:extLst>
            <a:ext uri="{FF2B5EF4-FFF2-40B4-BE49-F238E27FC236}">
              <a16:creationId xmlns:a16="http://schemas.microsoft.com/office/drawing/2014/main" id="{0A83F764-4477-4104-AE24-A818181B80A2}"/>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29" name="直線コネクタ 328">
          <a:extLst>
            <a:ext uri="{FF2B5EF4-FFF2-40B4-BE49-F238E27FC236}">
              <a16:creationId xmlns:a16="http://schemas.microsoft.com/office/drawing/2014/main" id="{2C74B5DC-9D9D-4887-B42B-3DE037BDD0DA}"/>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0" name="テキスト ボックス 329">
          <a:extLst>
            <a:ext uri="{FF2B5EF4-FFF2-40B4-BE49-F238E27FC236}">
              <a16:creationId xmlns:a16="http://schemas.microsoft.com/office/drawing/2014/main" id="{83F5B3F3-20E2-4A4B-940E-3EF2971EB240}"/>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1" name="直線コネクタ 330">
          <a:extLst>
            <a:ext uri="{FF2B5EF4-FFF2-40B4-BE49-F238E27FC236}">
              <a16:creationId xmlns:a16="http://schemas.microsoft.com/office/drawing/2014/main" id="{F69DC547-1967-45A8-A7B9-DAB91ECFDD45}"/>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2" name="テキスト ボックス 331">
          <a:extLst>
            <a:ext uri="{FF2B5EF4-FFF2-40B4-BE49-F238E27FC236}">
              <a16:creationId xmlns:a16="http://schemas.microsoft.com/office/drawing/2014/main" id="{4BA5D533-26C1-41D4-AAF5-3AC34E927B78}"/>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3" name="直線コネクタ 332">
          <a:extLst>
            <a:ext uri="{FF2B5EF4-FFF2-40B4-BE49-F238E27FC236}">
              <a16:creationId xmlns:a16="http://schemas.microsoft.com/office/drawing/2014/main" id="{2A92E29B-95ED-44D2-9963-E661A18FB173}"/>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4" name="テキスト ボックス 333">
          <a:extLst>
            <a:ext uri="{FF2B5EF4-FFF2-40B4-BE49-F238E27FC236}">
              <a16:creationId xmlns:a16="http://schemas.microsoft.com/office/drawing/2014/main" id="{B6B8C865-0533-48B7-8719-BD6FBFB054CE}"/>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5" name="【公営住宅】&#10;一人当たり面積グラフ枠">
          <a:extLst>
            <a:ext uri="{FF2B5EF4-FFF2-40B4-BE49-F238E27FC236}">
              <a16:creationId xmlns:a16="http://schemas.microsoft.com/office/drawing/2014/main" id="{41C9B0C7-B3F9-4024-AFB0-0D9FE4FE5924}"/>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04851</xdr:rowOff>
    </xdr:from>
    <xdr:to>
      <xdr:col>54</xdr:col>
      <xdr:colOff>189865</xdr:colOff>
      <xdr:row>86</xdr:row>
      <xdr:rowOff>37185</xdr:rowOff>
    </xdr:to>
    <xdr:cxnSp macro="">
      <xdr:nvCxnSpPr>
        <xdr:cNvPr id="336" name="直線コネクタ 335">
          <a:extLst>
            <a:ext uri="{FF2B5EF4-FFF2-40B4-BE49-F238E27FC236}">
              <a16:creationId xmlns:a16="http://schemas.microsoft.com/office/drawing/2014/main" id="{D0AC2A9A-DC05-478E-B242-D6AA0C1F892A}"/>
            </a:ext>
          </a:extLst>
        </xdr:cNvPr>
        <xdr:cNvCxnSpPr/>
      </xdr:nvCxnSpPr>
      <xdr:spPr>
        <a:xfrm flipV="1">
          <a:off x="10476865" y="13477951"/>
          <a:ext cx="0" cy="1303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012</xdr:rowOff>
    </xdr:from>
    <xdr:ext cx="469744" cy="259045"/>
    <xdr:sp macro="" textlink="">
      <xdr:nvSpPr>
        <xdr:cNvPr id="337" name="【公営住宅】&#10;一人当たり面積最小値テキスト">
          <a:extLst>
            <a:ext uri="{FF2B5EF4-FFF2-40B4-BE49-F238E27FC236}">
              <a16:creationId xmlns:a16="http://schemas.microsoft.com/office/drawing/2014/main" id="{54C08E9E-410D-4B88-8E19-5840F22D1141}"/>
            </a:ext>
          </a:extLst>
        </xdr:cNvPr>
        <xdr:cNvSpPr txBox="1"/>
      </xdr:nvSpPr>
      <xdr:spPr>
        <a:xfrm>
          <a:off x="10515600" y="14785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7185</xdr:rowOff>
    </xdr:from>
    <xdr:to>
      <xdr:col>55</xdr:col>
      <xdr:colOff>88900</xdr:colOff>
      <xdr:row>86</xdr:row>
      <xdr:rowOff>37185</xdr:rowOff>
    </xdr:to>
    <xdr:cxnSp macro="">
      <xdr:nvCxnSpPr>
        <xdr:cNvPr id="338" name="直線コネクタ 337">
          <a:extLst>
            <a:ext uri="{FF2B5EF4-FFF2-40B4-BE49-F238E27FC236}">
              <a16:creationId xmlns:a16="http://schemas.microsoft.com/office/drawing/2014/main" id="{2DDBAAF3-9217-478C-8394-170F82B18572}"/>
            </a:ext>
          </a:extLst>
        </xdr:cNvPr>
        <xdr:cNvCxnSpPr/>
      </xdr:nvCxnSpPr>
      <xdr:spPr>
        <a:xfrm>
          <a:off x="10388600" y="14781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1528</xdr:rowOff>
    </xdr:from>
    <xdr:ext cx="469744" cy="259045"/>
    <xdr:sp macro="" textlink="">
      <xdr:nvSpPr>
        <xdr:cNvPr id="339" name="【公営住宅】&#10;一人当たり面積最大値テキスト">
          <a:extLst>
            <a:ext uri="{FF2B5EF4-FFF2-40B4-BE49-F238E27FC236}">
              <a16:creationId xmlns:a16="http://schemas.microsoft.com/office/drawing/2014/main" id="{FF94800C-F54C-49EC-A393-54DD72CD0284}"/>
            </a:ext>
          </a:extLst>
        </xdr:cNvPr>
        <xdr:cNvSpPr txBox="1"/>
      </xdr:nvSpPr>
      <xdr:spPr>
        <a:xfrm>
          <a:off x="10515600" y="13253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4851</xdr:rowOff>
    </xdr:from>
    <xdr:to>
      <xdr:col>55</xdr:col>
      <xdr:colOff>88900</xdr:colOff>
      <xdr:row>78</xdr:row>
      <xdr:rowOff>104851</xdr:rowOff>
    </xdr:to>
    <xdr:cxnSp macro="">
      <xdr:nvCxnSpPr>
        <xdr:cNvPr id="340" name="直線コネクタ 339">
          <a:extLst>
            <a:ext uri="{FF2B5EF4-FFF2-40B4-BE49-F238E27FC236}">
              <a16:creationId xmlns:a16="http://schemas.microsoft.com/office/drawing/2014/main" id="{8245486A-4835-449E-B525-B5D4EDE7FA6B}"/>
            </a:ext>
          </a:extLst>
        </xdr:cNvPr>
        <xdr:cNvCxnSpPr/>
      </xdr:nvCxnSpPr>
      <xdr:spPr>
        <a:xfrm>
          <a:off x="10388600" y="13477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691</xdr:rowOff>
    </xdr:from>
    <xdr:ext cx="469744" cy="259045"/>
    <xdr:sp macro="" textlink="">
      <xdr:nvSpPr>
        <xdr:cNvPr id="341" name="【公営住宅】&#10;一人当たり面積平均値テキスト">
          <a:extLst>
            <a:ext uri="{FF2B5EF4-FFF2-40B4-BE49-F238E27FC236}">
              <a16:creationId xmlns:a16="http://schemas.microsoft.com/office/drawing/2014/main" id="{B8AC05DF-6DD3-4B3A-8DF5-13029AD69500}"/>
            </a:ext>
          </a:extLst>
        </xdr:cNvPr>
        <xdr:cNvSpPr txBox="1"/>
      </xdr:nvSpPr>
      <xdr:spPr>
        <a:xfrm>
          <a:off x="10515600" y="144064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3264</xdr:rowOff>
    </xdr:from>
    <xdr:to>
      <xdr:col>55</xdr:col>
      <xdr:colOff>50800</xdr:colOff>
      <xdr:row>85</xdr:row>
      <xdr:rowOff>83414</xdr:rowOff>
    </xdr:to>
    <xdr:sp macro="" textlink="">
      <xdr:nvSpPr>
        <xdr:cNvPr id="342" name="フローチャート: 判断 341">
          <a:extLst>
            <a:ext uri="{FF2B5EF4-FFF2-40B4-BE49-F238E27FC236}">
              <a16:creationId xmlns:a16="http://schemas.microsoft.com/office/drawing/2014/main" id="{38E630B4-C11C-47DF-89BC-6F85C7ADD1D1}"/>
            </a:ext>
          </a:extLst>
        </xdr:cNvPr>
        <xdr:cNvSpPr/>
      </xdr:nvSpPr>
      <xdr:spPr>
        <a:xfrm>
          <a:off x="10426700" y="14555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38176</xdr:rowOff>
    </xdr:from>
    <xdr:to>
      <xdr:col>50</xdr:col>
      <xdr:colOff>165100</xdr:colOff>
      <xdr:row>85</xdr:row>
      <xdr:rowOff>68326</xdr:rowOff>
    </xdr:to>
    <xdr:sp macro="" textlink="">
      <xdr:nvSpPr>
        <xdr:cNvPr id="343" name="フローチャート: 判断 342">
          <a:extLst>
            <a:ext uri="{FF2B5EF4-FFF2-40B4-BE49-F238E27FC236}">
              <a16:creationId xmlns:a16="http://schemas.microsoft.com/office/drawing/2014/main" id="{DC7AAC93-FAFF-4F00-ADD4-89836FFE84C3}"/>
            </a:ext>
          </a:extLst>
        </xdr:cNvPr>
        <xdr:cNvSpPr/>
      </xdr:nvSpPr>
      <xdr:spPr>
        <a:xfrm>
          <a:off x="9588500" y="1453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23089</xdr:rowOff>
    </xdr:from>
    <xdr:to>
      <xdr:col>46</xdr:col>
      <xdr:colOff>38100</xdr:colOff>
      <xdr:row>85</xdr:row>
      <xdr:rowOff>53239</xdr:rowOff>
    </xdr:to>
    <xdr:sp macro="" textlink="">
      <xdr:nvSpPr>
        <xdr:cNvPr id="344" name="フローチャート: 判断 343">
          <a:extLst>
            <a:ext uri="{FF2B5EF4-FFF2-40B4-BE49-F238E27FC236}">
              <a16:creationId xmlns:a16="http://schemas.microsoft.com/office/drawing/2014/main" id="{C2C2F138-222A-4ECD-B60F-6FD37511403B}"/>
            </a:ext>
          </a:extLst>
        </xdr:cNvPr>
        <xdr:cNvSpPr/>
      </xdr:nvSpPr>
      <xdr:spPr>
        <a:xfrm>
          <a:off x="8699500" y="14524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16687</xdr:rowOff>
    </xdr:from>
    <xdr:to>
      <xdr:col>41</xdr:col>
      <xdr:colOff>101600</xdr:colOff>
      <xdr:row>85</xdr:row>
      <xdr:rowOff>46837</xdr:rowOff>
    </xdr:to>
    <xdr:sp macro="" textlink="">
      <xdr:nvSpPr>
        <xdr:cNvPr id="345" name="フローチャート: 判断 344">
          <a:extLst>
            <a:ext uri="{FF2B5EF4-FFF2-40B4-BE49-F238E27FC236}">
              <a16:creationId xmlns:a16="http://schemas.microsoft.com/office/drawing/2014/main" id="{5F1D15A0-EC5C-40DA-8E9F-B73DE2577505}"/>
            </a:ext>
          </a:extLst>
        </xdr:cNvPr>
        <xdr:cNvSpPr/>
      </xdr:nvSpPr>
      <xdr:spPr>
        <a:xfrm>
          <a:off x="7810500" y="14518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8974</xdr:rowOff>
    </xdr:from>
    <xdr:to>
      <xdr:col>36</xdr:col>
      <xdr:colOff>165100</xdr:colOff>
      <xdr:row>85</xdr:row>
      <xdr:rowOff>49124</xdr:rowOff>
    </xdr:to>
    <xdr:sp macro="" textlink="">
      <xdr:nvSpPr>
        <xdr:cNvPr id="346" name="フローチャート: 判断 345">
          <a:extLst>
            <a:ext uri="{FF2B5EF4-FFF2-40B4-BE49-F238E27FC236}">
              <a16:creationId xmlns:a16="http://schemas.microsoft.com/office/drawing/2014/main" id="{DB59B951-C59C-4EBC-81B9-0903D0395434}"/>
            </a:ext>
          </a:extLst>
        </xdr:cNvPr>
        <xdr:cNvSpPr/>
      </xdr:nvSpPr>
      <xdr:spPr>
        <a:xfrm>
          <a:off x="6921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7" name="テキスト ボックス 346">
          <a:extLst>
            <a:ext uri="{FF2B5EF4-FFF2-40B4-BE49-F238E27FC236}">
              <a16:creationId xmlns:a16="http://schemas.microsoft.com/office/drawing/2014/main" id="{B6AC8B78-DB68-4032-A90F-45D449F0E073}"/>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8" name="テキスト ボックス 347">
          <a:extLst>
            <a:ext uri="{FF2B5EF4-FFF2-40B4-BE49-F238E27FC236}">
              <a16:creationId xmlns:a16="http://schemas.microsoft.com/office/drawing/2014/main" id="{BFA22435-EE87-43FB-9E20-28BE060B639C}"/>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9" name="テキスト ボックス 348">
          <a:extLst>
            <a:ext uri="{FF2B5EF4-FFF2-40B4-BE49-F238E27FC236}">
              <a16:creationId xmlns:a16="http://schemas.microsoft.com/office/drawing/2014/main" id="{CF477A0E-F59C-45F7-B937-1E85FC59EF8D}"/>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0" name="テキスト ボックス 349">
          <a:extLst>
            <a:ext uri="{FF2B5EF4-FFF2-40B4-BE49-F238E27FC236}">
              <a16:creationId xmlns:a16="http://schemas.microsoft.com/office/drawing/2014/main" id="{F671474C-2DD3-42DD-AC96-3FD226AE2DBB}"/>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5C416740-5FA9-4E13-B849-BEA7C6E06FB6}"/>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8342</xdr:rowOff>
    </xdr:from>
    <xdr:to>
      <xdr:col>55</xdr:col>
      <xdr:colOff>50800</xdr:colOff>
      <xdr:row>86</xdr:row>
      <xdr:rowOff>18492</xdr:rowOff>
    </xdr:to>
    <xdr:sp macro="" textlink="">
      <xdr:nvSpPr>
        <xdr:cNvPr id="352" name="楕円 351">
          <a:extLst>
            <a:ext uri="{FF2B5EF4-FFF2-40B4-BE49-F238E27FC236}">
              <a16:creationId xmlns:a16="http://schemas.microsoft.com/office/drawing/2014/main" id="{F395366F-5469-4F67-8D7D-3B834CD1CBC4}"/>
            </a:ext>
          </a:extLst>
        </xdr:cNvPr>
        <xdr:cNvSpPr/>
      </xdr:nvSpPr>
      <xdr:spPr>
        <a:xfrm>
          <a:off x="10426700" y="14661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3269</xdr:rowOff>
    </xdr:from>
    <xdr:ext cx="469744" cy="259045"/>
    <xdr:sp macro="" textlink="">
      <xdr:nvSpPr>
        <xdr:cNvPr id="353" name="【公営住宅】&#10;一人当たり面積該当値テキスト">
          <a:extLst>
            <a:ext uri="{FF2B5EF4-FFF2-40B4-BE49-F238E27FC236}">
              <a16:creationId xmlns:a16="http://schemas.microsoft.com/office/drawing/2014/main" id="{AA459D18-9499-4BC2-9177-4ADFC347884A}"/>
            </a:ext>
          </a:extLst>
        </xdr:cNvPr>
        <xdr:cNvSpPr txBox="1"/>
      </xdr:nvSpPr>
      <xdr:spPr>
        <a:xfrm>
          <a:off x="10515600" y="14576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8342</xdr:rowOff>
    </xdr:from>
    <xdr:to>
      <xdr:col>50</xdr:col>
      <xdr:colOff>165100</xdr:colOff>
      <xdr:row>86</xdr:row>
      <xdr:rowOff>18492</xdr:rowOff>
    </xdr:to>
    <xdr:sp macro="" textlink="">
      <xdr:nvSpPr>
        <xdr:cNvPr id="354" name="楕円 353">
          <a:extLst>
            <a:ext uri="{FF2B5EF4-FFF2-40B4-BE49-F238E27FC236}">
              <a16:creationId xmlns:a16="http://schemas.microsoft.com/office/drawing/2014/main" id="{5561AB44-189D-43D0-8BF9-2CA305987A1E}"/>
            </a:ext>
          </a:extLst>
        </xdr:cNvPr>
        <xdr:cNvSpPr/>
      </xdr:nvSpPr>
      <xdr:spPr>
        <a:xfrm>
          <a:off x="9588500" y="14661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39142</xdr:rowOff>
    </xdr:from>
    <xdr:to>
      <xdr:col>55</xdr:col>
      <xdr:colOff>0</xdr:colOff>
      <xdr:row>85</xdr:row>
      <xdr:rowOff>139142</xdr:rowOff>
    </xdr:to>
    <xdr:cxnSp macro="">
      <xdr:nvCxnSpPr>
        <xdr:cNvPr id="355" name="直線コネクタ 354">
          <a:extLst>
            <a:ext uri="{FF2B5EF4-FFF2-40B4-BE49-F238E27FC236}">
              <a16:creationId xmlns:a16="http://schemas.microsoft.com/office/drawing/2014/main" id="{EB95D661-DC17-4E52-B1BE-FF2290CF4AAE}"/>
            </a:ext>
          </a:extLst>
        </xdr:cNvPr>
        <xdr:cNvCxnSpPr/>
      </xdr:nvCxnSpPr>
      <xdr:spPr>
        <a:xfrm>
          <a:off x="9639300" y="1471239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87885</xdr:rowOff>
    </xdr:from>
    <xdr:to>
      <xdr:col>46</xdr:col>
      <xdr:colOff>38100</xdr:colOff>
      <xdr:row>86</xdr:row>
      <xdr:rowOff>18035</xdr:rowOff>
    </xdr:to>
    <xdr:sp macro="" textlink="">
      <xdr:nvSpPr>
        <xdr:cNvPr id="356" name="楕円 355">
          <a:extLst>
            <a:ext uri="{FF2B5EF4-FFF2-40B4-BE49-F238E27FC236}">
              <a16:creationId xmlns:a16="http://schemas.microsoft.com/office/drawing/2014/main" id="{B4BAE728-96FE-4288-A862-5106BE4C4DC8}"/>
            </a:ext>
          </a:extLst>
        </xdr:cNvPr>
        <xdr:cNvSpPr/>
      </xdr:nvSpPr>
      <xdr:spPr>
        <a:xfrm>
          <a:off x="8699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38685</xdr:rowOff>
    </xdr:from>
    <xdr:to>
      <xdr:col>50</xdr:col>
      <xdr:colOff>114300</xdr:colOff>
      <xdr:row>85</xdr:row>
      <xdr:rowOff>139142</xdr:rowOff>
    </xdr:to>
    <xdr:cxnSp macro="">
      <xdr:nvCxnSpPr>
        <xdr:cNvPr id="357" name="直線コネクタ 356">
          <a:extLst>
            <a:ext uri="{FF2B5EF4-FFF2-40B4-BE49-F238E27FC236}">
              <a16:creationId xmlns:a16="http://schemas.microsoft.com/office/drawing/2014/main" id="{1B8B1218-A058-4E57-8A26-581578256D9C}"/>
            </a:ext>
          </a:extLst>
        </xdr:cNvPr>
        <xdr:cNvCxnSpPr/>
      </xdr:nvCxnSpPr>
      <xdr:spPr>
        <a:xfrm>
          <a:off x="8750300" y="14711935"/>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87885</xdr:rowOff>
    </xdr:from>
    <xdr:to>
      <xdr:col>41</xdr:col>
      <xdr:colOff>101600</xdr:colOff>
      <xdr:row>86</xdr:row>
      <xdr:rowOff>18035</xdr:rowOff>
    </xdr:to>
    <xdr:sp macro="" textlink="">
      <xdr:nvSpPr>
        <xdr:cNvPr id="358" name="楕円 357">
          <a:extLst>
            <a:ext uri="{FF2B5EF4-FFF2-40B4-BE49-F238E27FC236}">
              <a16:creationId xmlns:a16="http://schemas.microsoft.com/office/drawing/2014/main" id="{E292E036-8779-4A1F-9200-99A95A28FD6D}"/>
            </a:ext>
          </a:extLst>
        </xdr:cNvPr>
        <xdr:cNvSpPr/>
      </xdr:nvSpPr>
      <xdr:spPr>
        <a:xfrm>
          <a:off x="7810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38685</xdr:rowOff>
    </xdr:from>
    <xdr:to>
      <xdr:col>45</xdr:col>
      <xdr:colOff>177800</xdr:colOff>
      <xdr:row>85</xdr:row>
      <xdr:rowOff>138685</xdr:rowOff>
    </xdr:to>
    <xdr:cxnSp macro="">
      <xdr:nvCxnSpPr>
        <xdr:cNvPr id="359" name="直線コネクタ 358">
          <a:extLst>
            <a:ext uri="{FF2B5EF4-FFF2-40B4-BE49-F238E27FC236}">
              <a16:creationId xmlns:a16="http://schemas.microsoft.com/office/drawing/2014/main" id="{9E2A70DB-49E1-4D1E-84E8-621C744A1B56}"/>
            </a:ext>
          </a:extLst>
        </xdr:cNvPr>
        <xdr:cNvCxnSpPr/>
      </xdr:nvCxnSpPr>
      <xdr:spPr>
        <a:xfrm>
          <a:off x="7861300" y="147119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87885</xdr:rowOff>
    </xdr:from>
    <xdr:to>
      <xdr:col>36</xdr:col>
      <xdr:colOff>165100</xdr:colOff>
      <xdr:row>86</xdr:row>
      <xdr:rowOff>18035</xdr:rowOff>
    </xdr:to>
    <xdr:sp macro="" textlink="">
      <xdr:nvSpPr>
        <xdr:cNvPr id="360" name="楕円 359">
          <a:extLst>
            <a:ext uri="{FF2B5EF4-FFF2-40B4-BE49-F238E27FC236}">
              <a16:creationId xmlns:a16="http://schemas.microsoft.com/office/drawing/2014/main" id="{AFCDD1CA-FB63-471F-BC0A-7DFACB1388E9}"/>
            </a:ext>
          </a:extLst>
        </xdr:cNvPr>
        <xdr:cNvSpPr/>
      </xdr:nvSpPr>
      <xdr:spPr>
        <a:xfrm>
          <a:off x="6921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38685</xdr:rowOff>
    </xdr:from>
    <xdr:to>
      <xdr:col>41</xdr:col>
      <xdr:colOff>50800</xdr:colOff>
      <xdr:row>85</xdr:row>
      <xdr:rowOff>138685</xdr:rowOff>
    </xdr:to>
    <xdr:cxnSp macro="">
      <xdr:nvCxnSpPr>
        <xdr:cNvPr id="361" name="直線コネクタ 360">
          <a:extLst>
            <a:ext uri="{FF2B5EF4-FFF2-40B4-BE49-F238E27FC236}">
              <a16:creationId xmlns:a16="http://schemas.microsoft.com/office/drawing/2014/main" id="{61C39D40-85EF-4DE1-9962-C425E78950B3}"/>
            </a:ext>
          </a:extLst>
        </xdr:cNvPr>
        <xdr:cNvCxnSpPr/>
      </xdr:nvCxnSpPr>
      <xdr:spPr>
        <a:xfrm>
          <a:off x="6972300" y="147119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84853</xdr:rowOff>
    </xdr:from>
    <xdr:ext cx="469744" cy="259045"/>
    <xdr:sp macro="" textlink="">
      <xdr:nvSpPr>
        <xdr:cNvPr id="362" name="n_1aveValue【公営住宅】&#10;一人当たり面積">
          <a:extLst>
            <a:ext uri="{FF2B5EF4-FFF2-40B4-BE49-F238E27FC236}">
              <a16:creationId xmlns:a16="http://schemas.microsoft.com/office/drawing/2014/main" id="{EB743A92-0CAF-4135-B083-86E14A5B9A12}"/>
            </a:ext>
          </a:extLst>
        </xdr:cNvPr>
        <xdr:cNvSpPr txBox="1"/>
      </xdr:nvSpPr>
      <xdr:spPr>
        <a:xfrm>
          <a:off x="9391727" y="1431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9766</xdr:rowOff>
    </xdr:from>
    <xdr:ext cx="469744" cy="259045"/>
    <xdr:sp macro="" textlink="">
      <xdr:nvSpPr>
        <xdr:cNvPr id="363" name="n_2aveValue【公営住宅】&#10;一人当たり面積">
          <a:extLst>
            <a:ext uri="{FF2B5EF4-FFF2-40B4-BE49-F238E27FC236}">
              <a16:creationId xmlns:a16="http://schemas.microsoft.com/office/drawing/2014/main" id="{F6C9447D-3F28-429B-919E-60D1A3BEAA31}"/>
            </a:ext>
          </a:extLst>
        </xdr:cNvPr>
        <xdr:cNvSpPr txBox="1"/>
      </xdr:nvSpPr>
      <xdr:spPr>
        <a:xfrm>
          <a:off x="8515427" y="14300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3364</xdr:rowOff>
    </xdr:from>
    <xdr:ext cx="469744" cy="259045"/>
    <xdr:sp macro="" textlink="">
      <xdr:nvSpPr>
        <xdr:cNvPr id="364" name="n_3aveValue【公営住宅】&#10;一人当たり面積">
          <a:extLst>
            <a:ext uri="{FF2B5EF4-FFF2-40B4-BE49-F238E27FC236}">
              <a16:creationId xmlns:a16="http://schemas.microsoft.com/office/drawing/2014/main" id="{BE0479E1-9435-4E63-9E67-07816E0A25D4}"/>
            </a:ext>
          </a:extLst>
        </xdr:cNvPr>
        <xdr:cNvSpPr txBox="1"/>
      </xdr:nvSpPr>
      <xdr:spPr>
        <a:xfrm>
          <a:off x="7626427" y="14293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5651</xdr:rowOff>
    </xdr:from>
    <xdr:ext cx="469744" cy="259045"/>
    <xdr:sp macro="" textlink="">
      <xdr:nvSpPr>
        <xdr:cNvPr id="365" name="n_4aveValue【公営住宅】&#10;一人当たり面積">
          <a:extLst>
            <a:ext uri="{FF2B5EF4-FFF2-40B4-BE49-F238E27FC236}">
              <a16:creationId xmlns:a16="http://schemas.microsoft.com/office/drawing/2014/main" id="{7E40558C-1E3A-4A6F-80AD-B4BD2FD47062}"/>
            </a:ext>
          </a:extLst>
        </xdr:cNvPr>
        <xdr:cNvSpPr txBox="1"/>
      </xdr:nvSpPr>
      <xdr:spPr>
        <a:xfrm>
          <a:off x="6737427" y="1429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9619</xdr:rowOff>
    </xdr:from>
    <xdr:ext cx="469744" cy="259045"/>
    <xdr:sp macro="" textlink="">
      <xdr:nvSpPr>
        <xdr:cNvPr id="366" name="n_1mainValue【公営住宅】&#10;一人当たり面積">
          <a:extLst>
            <a:ext uri="{FF2B5EF4-FFF2-40B4-BE49-F238E27FC236}">
              <a16:creationId xmlns:a16="http://schemas.microsoft.com/office/drawing/2014/main" id="{6EE40BC8-C0E7-4409-B7E9-3D36B5BBEEC8}"/>
            </a:ext>
          </a:extLst>
        </xdr:cNvPr>
        <xdr:cNvSpPr txBox="1"/>
      </xdr:nvSpPr>
      <xdr:spPr>
        <a:xfrm>
          <a:off x="9391727" y="14754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9162</xdr:rowOff>
    </xdr:from>
    <xdr:ext cx="469744" cy="259045"/>
    <xdr:sp macro="" textlink="">
      <xdr:nvSpPr>
        <xdr:cNvPr id="367" name="n_2mainValue【公営住宅】&#10;一人当たり面積">
          <a:extLst>
            <a:ext uri="{FF2B5EF4-FFF2-40B4-BE49-F238E27FC236}">
              <a16:creationId xmlns:a16="http://schemas.microsoft.com/office/drawing/2014/main" id="{75AEF725-F94C-41DC-9E8F-98E86647FD39}"/>
            </a:ext>
          </a:extLst>
        </xdr:cNvPr>
        <xdr:cNvSpPr txBox="1"/>
      </xdr:nvSpPr>
      <xdr:spPr>
        <a:xfrm>
          <a:off x="85154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9162</xdr:rowOff>
    </xdr:from>
    <xdr:ext cx="469744" cy="259045"/>
    <xdr:sp macro="" textlink="">
      <xdr:nvSpPr>
        <xdr:cNvPr id="368" name="n_3mainValue【公営住宅】&#10;一人当たり面積">
          <a:extLst>
            <a:ext uri="{FF2B5EF4-FFF2-40B4-BE49-F238E27FC236}">
              <a16:creationId xmlns:a16="http://schemas.microsoft.com/office/drawing/2014/main" id="{B282C215-233A-4E6E-BB51-FC158620617D}"/>
            </a:ext>
          </a:extLst>
        </xdr:cNvPr>
        <xdr:cNvSpPr txBox="1"/>
      </xdr:nvSpPr>
      <xdr:spPr>
        <a:xfrm>
          <a:off x="76264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9162</xdr:rowOff>
    </xdr:from>
    <xdr:ext cx="469744" cy="259045"/>
    <xdr:sp macro="" textlink="">
      <xdr:nvSpPr>
        <xdr:cNvPr id="369" name="n_4mainValue【公営住宅】&#10;一人当たり面積">
          <a:extLst>
            <a:ext uri="{FF2B5EF4-FFF2-40B4-BE49-F238E27FC236}">
              <a16:creationId xmlns:a16="http://schemas.microsoft.com/office/drawing/2014/main" id="{22583BA9-EF39-439F-827C-A05ACA31E3BC}"/>
            </a:ext>
          </a:extLst>
        </xdr:cNvPr>
        <xdr:cNvSpPr txBox="1"/>
      </xdr:nvSpPr>
      <xdr:spPr>
        <a:xfrm>
          <a:off x="67374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0" name="正方形/長方形 369">
          <a:extLst>
            <a:ext uri="{FF2B5EF4-FFF2-40B4-BE49-F238E27FC236}">
              <a16:creationId xmlns:a16="http://schemas.microsoft.com/office/drawing/2014/main" id="{DE07197C-93DA-420D-996E-54BCDD855A96}"/>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1" name="正方形/長方形 370">
          <a:extLst>
            <a:ext uri="{FF2B5EF4-FFF2-40B4-BE49-F238E27FC236}">
              <a16:creationId xmlns:a16="http://schemas.microsoft.com/office/drawing/2014/main" id="{1F37B38C-98ED-4C0B-BAF7-3AA594E53B4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2" name="正方形/長方形 371">
          <a:extLst>
            <a:ext uri="{FF2B5EF4-FFF2-40B4-BE49-F238E27FC236}">
              <a16:creationId xmlns:a16="http://schemas.microsoft.com/office/drawing/2014/main" id="{162930E1-7B6E-4888-9EFA-DA4DD96144C5}"/>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3" name="正方形/長方形 372">
          <a:extLst>
            <a:ext uri="{FF2B5EF4-FFF2-40B4-BE49-F238E27FC236}">
              <a16:creationId xmlns:a16="http://schemas.microsoft.com/office/drawing/2014/main" id="{32CAD8D9-01A6-4125-B453-0BB483399F54}"/>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4" name="正方形/長方形 373">
          <a:extLst>
            <a:ext uri="{FF2B5EF4-FFF2-40B4-BE49-F238E27FC236}">
              <a16:creationId xmlns:a16="http://schemas.microsoft.com/office/drawing/2014/main" id="{462EEF36-7821-4B7C-96EE-846C140B4CB3}"/>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5" name="正方形/長方形 374">
          <a:extLst>
            <a:ext uri="{FF2B5EF4-FFF2-40B4-BE49-F238E27FC236}">
              <a16:creationId xmlns:a16="http://schemas.microsoft.com/office/drawing/2014/main" id="{FE201DFC-A6A6-42AA-B695-890C1BA6E45B}"/>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6" name="正方形/長方形 375">
          <a:extLst>
            <a:ext uri="{FF2B5EF4-FFF2-40B4-BE49-F238E27FC236}">
              <a16:creationId xmlns:a16="http://schemas.microsoft.com/office/drawing/2014/main" id="{1DBBE631-FB53-4E43-A6A0-77394511FEE4}"/>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7" name="正方形/長方形 376">
          <a:extLst>
            <a:ext uri="{FF2B5EF4-FFF2-40B4-BE49-F238E27FC236}">
              <a16:creationId xmlns:a16="http://schemas.microsoft.com/office/drawing/2014/main" id="{47997318-B3FA-49AB-9E08-062F901F684B}"/>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8" name="テキスト ボックス 377">
          <a:extLst>
            <a:ext uri="{FF2B5EF4-FFF2-40B4-BE49-F238E27FC236}">
              <a16:creationId xmlns:a16="http://schemas.microsoft.com/office/drawing/2014/main" id="{077871CE-B89C-477F-B00B-EBB305E4979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79" name="直線コネクタ 378">
          <a:extLst>
            <a:ext uri="{FF2B5EF4-FFF2-40B4-BE49-F238E27FC236}">
              <a16:creationId xmlns:a16="http://schemas.microsoft.com/office/drawing/2014/main" id="{0154CEA9-040B-41AC-87B4-2B2476B606F3}"/>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0" name="テキスト ボックス 379">
          <a:extLst>
            <a:ext uri="{FF2B5EF4-FFF2-40B4-BE49-F238E27FC236}">
              <a16:creationId xmlns:a16="http://schemas.microsoft.com/office/drawing/2014/main" id="{C468AB3A-98E9-4865-99BE-DDF5EBA4B385}"/>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1" name="直線コネクタ 380">
          <a:extLst>
            <a:ext uri="{FF2B5EF4-FFF2-40B4-BE49-F238E27FC236}">
              <a16:creationId xmlns:a16="http://schemas.microsoft.com/office/drawing/2014/main" id="{B3E327F9-C41C-4894-A43E-24016670FBF4}"/>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2" name="テキスト ボックス 381">
          <a:extLst>
            <a:ext uri="{FF2B5EF4-FFF2-40B4-BE49-F238E27FC236}">
              <a16:creationId xmlns:a16="http://schemas.microsoft.com/office/drawing/2014/main" id="{EE7C74E4-5C87-466B-8920-69D396ABF44C}"/>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83" name="直線コネクタ 382">
          <a:extLst>
            <a:ext uri="{FF2B5EF4-FFF2-40B4-BE49-F238E27FC236}">
              <a16:creationId xmlns:a16="http://schemas.microsoft.com/office/drawing/2014/main" id="{B9BE6ADA-B0AD-42E8-860A-F23F94D01E22}"/>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84" name="テキスト ボックス 383">
          <a:extLst>
            <a:ext uri="{FF2B5EF4-FFF2-40B4-BE49-F238E27FC236}">
              <a16:creationId xmlns:a16="http://schemas.microsoft.com/office/drawing/2014/main" id="{40417A5F-05FB-4B34-AE4F-0E644C9F5FE6}"/>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85" name="直線コネクタ 384">
          <a:extLst>
            <a:ext uri="{FF2B5EF4-FFF2-40B4-BE49-F238E27FC236}">
              <a16:creationId xmlns:a16="http://schemas.microsoft.com/office/drawing/2014/main" id="{FD7D065F-45B7-4EA2-B5A4-E79D27F9FD6E}"/>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86" name="テキスト ボックス 385">
          <a:extLst>
            <a:ext uri="{FF2B5EF4-FFF2-40B4-BE49-F238E27FC236}">
              <a16:creationId xmlns:a16="http://schemas.microsoft.com/office/drawing/2014/main" id="{C2B3A187-2D6A-4C0E-B8EC-1F7D850948A6}"/>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87" name="直線コネクタ 386">
          <a:extLst>
            <a:ext uri="{FF2B5EF4-FFF2-40B4-BE49-F238E27FC236}">
              <a16:creationId xmlns:a16="http://schemas.microsoft.com/office/drawing/2014/main" id="{69E8FA66-AF27-436F-A9FD-C45B854EC51C}"/>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88" name="テキスト ボックス 387">
          <a:extLst>
            <a:ext uri="{FF2B5EF4-FFF2-40B4-BE49-F238E27FC236}">
              <a16:creationId xmlns:a16="http://schemas.microsoft.com/office/drawing/2014/main" id="{85186F22-B029-4959-AE43-540382DF5B7C}"/>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89" name="直線コネクタ 388">
          <a:extLst>
            <a:ext uri="{FF2B5EF4-FFF2-40B4-BE49-F238E27FC236}">
              <a16:creationId xmlns:a16="http://schemas.microsoft.com/office/drawing/2014/main" id="{CDF97338-5AA7-4338-8EDC-D0A5554A8CD3}"/>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0" name="テキスト ボックス 389">
          <a:extLst>
            <a:ext uri="{FF2B5EF4-FFF2-40B4-BE49-F238E27FC236}">
              <a16:creationId xmlns:a16="http://schemas.microsoft.com/office/drawing/2014/main" id="{8C33EF1D-D313-45F7-8814-E82B65DCB8C1}"/>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1" name="直線コネクタ 390">
          <a:extLst>
            <a:ext uri="{FF2B5EF4-FFF2-40B4-BE49-F238E27FC236}">
              <a16:creationId xmlns:a16="http://schemas.microsoft.com/office/drawing/2014/main" id="{45494272-1939-40A4-8119-4387A7A00D54}"/>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2" name="テキスト ボックス 391">
          <a:extLst>
            <a:ext uri="{FF2B5EF4-FFF2-40B4-BE49-F238E27FC236}">
              <a16:creationId xmlns:a16="http://schemas.microsoft.com/office/drawing/2014/main" id="{1DF0C7BA-9D84-4F79-AF21-EC3E74CF71FA}"/>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3" name="直線コネクタ 392">
          <a:extLst>
            <a:ext uri="{FF2B5EF4-FFF2-40B4-BE49-F238E27FC236}">
              <a16:creationId xmlns:a16="http://schemas.microsoft.com/office/drawing/2014/main" id="{3D08DA25-A007-4189-8816-59D19D81D4B7}"/>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4" name="【港湾・漁港】&#10;有形固定資産減価償却率グラフ枠">
          <a:extLst>
            <a:ext uri="{FF2B5EF4-FFF2-40B4-BE49-F238E27FC236}">
              <a16:creationId xmlns:a16="http://schemas.microsoft.com/office/drawing/2014/main" id="{5EDA78DD-9CBF-4125-A79B-5CBCD4877B87}"/>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1301</xdr:rowOff>
    </xdr:from>
    <xdr:to>
      <xdr:col>24</xdr:col>
      <xdr:colOff>62865</xdr:colOff>
      <xdr:row>108</xdr:row>
      <xdr:rowOff>166007</xdr:rowOff>
    </xdr:to>
    <xdr:cxnSp macro="">
      <xdr:nvCxnSpPr>
        <xdr:cNvPr id="395" name="直線コネクタ 394">
          <a:extLst>
            <a:ext uri="{FF2B5EF4-FFF2-40B4-BE49-F238E27FC236}">
              <a16:creationId xmlns:a16="http://schemas.microsoft.com/office/drawing/2014/main" id="{21736DEF-1BFB-46AA-AA51-B27D5C59D7E9}"/>
            </a:ext>
          </a:extLst>
        </xdr:cNvPr>
        <xdr:cNvCxnSpPr/>
      </xdr:nvCxnSpPr>
      <xdr:spPr>
        <a:xfrm flipV="1">
          <a:off x="4634865" y="17216301"/>
          <a:ext cx="0" cy="1466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69834</xdr:rowOff>
    </xdr:from>
    <xdr:ext cx="405111" cy="259045"/>
    <xdr:sp macro="" textlink="">
      <xdr:nvSpPr>
        <xdr:cNvPr id="396" name="【港湾・漁港】&#10;有形固定資産減価償却率最小値テキスト">
          <a:extLst>
            <a:ext uri="{FF2B5EF4-FFF2-40B4-BE49-F238E27FC236}">
              <a16:creationId xmlns:a16="http://schemas.microsoft.com/office/drawing/2014/main" id="{FA6B4E92-5D1F-4838-BA37-C53A43B912CC}"/>
            </a:ext>
          </a:extLst>
        </xdr:cNvPr>
        <xdr:cNvSpPr txBox="1"/>
      </xdr:nvSpPr>
      <xdr:spPr>
        <a:xfrm>
          <a:off x="4673600" y="18686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6007</xdr:rowOff>
    </xdr:from>
    <xdr:to>
      <xdr:col>24</xdr:col>
      <xdr:colOff>152400</xdr:colOff>
      <xdr:row>108</xdr:row>
      <xdr:rowOff>166007</xdr:rowOff>
    </xdr:to>
    <xdr:cxnSp macro="">
      <xdr:nvCxnSpPr>
        <xdr:cNvPr id="397" name="直線コネクタ 396">
          <a:extLst>
            <a:ext uri="{FF2B5EF4-FFF2-40B4-BE49-F238E27FC236}">
              <a16:creationId xmlns:a16="http://schemas.microsoft.com/office/drawing/2014/main" id="{C715AF0D-27C0-4A80-9A2F-390BDBB179A6}"/>
            </a:ext>
          </a:extLst>
        </xdr:cNvPr>
        <xdr:cNvCxnSpPr/>
      </xdr:nvCxnSpPr>
      <xdr:spPr>
        <a:xfrm>
          <a:off x="4546600" y="18682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7978</xdr:rowOff>
    </xdr:from>
    <xdr:ext cx="340478" cy="259045"/>
    <xdr:sp macro="" textlink="">
      <xdr:nvSpPr>
        <xdr:cNvPr id="398" name="【港湾・漁港】&#10;有形固定資産減価償却率最大値テキスト">
          <a:extLst>
            <a:ext uri="{FF2B5EF4-FFF2-40B4-BE49-F238E27FC236}">
              <a16:creationId xmlns:a16="http://schemas.microsoft.com/office/drawing/2014/main" id="{E2A3F0B2-C280-4835-8650-7D8196735758}"/>
            </a:ext>
          </a:extLst>
        </xdr:cNvPr>
        <xdr:cNvSpPr txBox="1"/>
      </xdr:nvSpPr>
      <xdr:spPr>
        <a:xfrm>
          <a:off x="4673600" y="1699152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1301</xdr:rowOff>
    </xdr:from>
    <xdr:to>
      <xdr:col>24</xdr:col>
      <xdr:colOff>152400</xdr:colOff>
      <xdr:row>100</xdr:row>
      <xdr:rowOff>71301</xdr:rowOff>
    </xdr:to>
    <xdr:cxnSp macro="">
      <xdr:nvCxnSpPr>
        <xdr:cNvPr id="399" name="直線コネクタ 398">
          <a:extLst>
            <a:ext uri="{FF2B5EF4-FFF2-40B4-BE49-F238E27FC236}">
              <a16:creationId xmlns:a16="http://schemas.microsoft.com/office/drawing/2014/main" id="{47F412D0-C60B-4CF3-8C36-E57A3F5F6338}"/>
            </a:ext>
          </a:extLst>
        </xdr:cNvPr>
        <xdr:cNvCxnSpPr/>
      </xdr:nvCxnSpPr>
      <xdr:spPr>
        <a:xfrm>
          <a:off x="4546600" y="17216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72407</xdr:rowOff>
    </xdr:from>
    <xdr:ext cx="405111" cy="259045"/>
    <xdr:sp macro="" textlink="">
      <xdr:nvSpPr>
        <xdr:cNvPr id="400" name="【港湾・漁港】&#10;有形固定資産減価償却率平均値テキスト">
          <a:extLst>
            <a:ext uri="{FF2B5EF4-FFF2-40B4-BE49-F238E27FC236}">
              <a16:creationId xmlns:a16="http://schemas.microsoft.com/office/drawing/2014/main" id="{B034D709-BA05-4271-BFA9-96475ECF52F8}"/>
            </a:ext>
          </a:extLst>
        </xdr:cNvPr>
        <xdr:cNvSpPr txBox="1"/>
      </xdr:nvSpPr>
      <xdr:spPr>
        <a:xfrm>
          <a:off x="4673600" y="180746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93980</xdr:rowOff>
    </xdr:from>
    <xdr:to>
      <xdr:col>24</xdr:col>
      <xdr:colOff>114300</xdr:colOff>
      <xdr:row>106</xdr:row>
      <xdr:rowOff>24130</xdr:rowOff>
    </xdr:to>
    <xdr:sp macro="" textlink="">
      <xdr:nvSpPr>
        <xdr:cNvPr id="401" name="フローチャート: 判断 400">
          <a:extLst>
            <a:ext uri="{FF2B5EF4-FFF2-40B4-BE49-F238E27FC236}">
              <a16:creationId xmlns:a16="http://schemas.microsoft.com/office/drawing/2014/main" id="{5B8A5A2F-C402-4E4D-B46C-2E06FD20446E}"/>
            </a:ext>
          </a:extLst>
        </xdr:cNvPr>
        <xdr:cNvSpPr/>
      </xdr:nvSpPr>
      <xdr:spPr>
        <a:xfrm>
          <a:off x="4584700" y="1809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111942</xdr:rowOff>
    </xdr:from>
    <xdr:to>
      <xdr:col>20</xdr:col>
      <xdr:colOff>38100</xdr:colOff>
      <xdr:row>106</xdr:row>
      <xdr:rowOff>42092</xdr:rowOff>
    </xdr:to>
    <xdr:sp macro="" textlink="">
      <xdr:nvSpPr>
        <xdr:cNvPr id="402" name="フローチャート: 判断 401">
          <a:extLst>
            <a:ext uri="{FF2B5EF4-FFF2-40B4-BE49-F238E27FC236}">
              <a16:creationId xmlns:a16="http://schemas.microsoft.com/office/drawing/2014/main" id="{887FEC56-7BCB-450D-A947-7905FA1ACB61}"/>
            </a:ext>
          </a:extLst>
        </xdr:cNvPr>
        <xdr:cNvSpPr/>
      </xdr:nvSpPr>
      <xdr:spPr>
        <a:xfrm>
          <a:off x="3746500" y="18114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89081</xdr:rowOff>
    </xdr:from>
    <xdr:to>
      <xdr:col>15</xdr:col>
      <xdr:colOff>101600</xdr:colOff>
      <xdr:row>106</xdr:row>
      <xdr:rowOff>19231</xdr:rowOff>
    </xdr:to>
    <xdr:sp macro="" textlink="">
      <xdr:nvSpPr>
        <xdr:cNvPr id="403" name="フローチャート: 判断 402">
          <a:extLst>
            <a:ext uri="{FF2B5EF4-FFF2-40B4-BE49-F238E27FC236}">
              <a16:creationId xmlns:a16="http://schemas.microsoft.com/office/drawing/2014/main" id="{007DA1B3-75E0-41AD-9A8C-70A64E904CDA}"/>
            </a:ext>
          </a:extLst>
        </xdr:cNvPr>
        <xdr:cNvSpPr/>
      </xdr:nvSpPr>
      <xdr:spPr>
        <a:xfrm>
          <a:off x="2857500" y="1809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54792</xdr:rowOff>
    </xdr:from>
    <xdr:to>
      <xdr:col>10</xdr:col>
      <xdr:colOff>165100</xdr:colOff>
      <xdr:row>105</xdr:row>
      <xdr:rowOff>156392</xdr:rowOff>
    </xdr:to>
    <xdr:sp macro="" textlink="">
      <xdr:nvSpPr>
        <xdr:cNvPr id="404" name="フローチャート: 判断 403">
          <a:extLst>
            <a:ext uri="{FF2B5EF4-FFF2-40B4-BE49-F238E27FC236}">
              <a16:creationId xmlns:a16="http://schemas.microsoft.com/office/drawing/2014/main" id="{A0D0BEEB-8BBD-4DF8-B37C-CEAAA2173FA3}"/>
            </a:ext>
          </a:extLst>
        </xdr:cNvPr>
        <xdr:cNvSpPr/>
      </xdr:nvSpPr>
      <xdr:spPr>
        <a:xfrm>
          <a:off x="1968500" y="1805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0095</xdr:rowOff>
    </xdr:from>
    <xdr:to>
      <xdr:col>6</xdr:col>
      <xdr:colOff>38100</xdr:colOff>
      <xdr:row>105</xdr:row>
      <xdr:rowOff>141695</xdr:rowOff>
    </xdr:to>
    <xdr:sp macro="" textlink="">
      <xdr:nvSpPr>
        <xdr:cNvPr id="405" name="フローチャート: 判断 404">
          <a:extLst>
            <a:ext uri="{FF2B5EF4-FFF2-40B4-BE49-F238E27FC236}">
              <a16:creationId xmlns:a16="http://schemas.microsoft.com/office/drawing/2014/main" id="{5E75763A-CBFA-4466-B4C1-3BDB5EC737B8}"/>
            </a:ext>
          </a:extLst>
        </xdr:cNvPr>
        <xdr:cNvSpPr/>
      </xdr:nvSpPr>
      <xdr:spPr>
        <a:xfrm>
          <a:off x="1079500" y="1804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6" name="テキスト ボックス 405">
          <a:extLst>
            <a:ext uri="{FF2B5EF4-FFF2-40B4-BE49-F238E27FC236}">
              <a16:creationId xmlns:a16="http://schemas.microsoft.com/office/drawing/2014/main" id="{05695334-107F-4B15-80F1-E7CB9651046C}"/>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7" name="テキスト ボックス 406">
          <a:extLst>
            <a:ext uri="{FF2B5EF4-FFF2-40B4-BE49-F238E27FC236}">
              <a16:creationId xmlns:a16="http://schemas.microsoft.com/office/drawing/2014/main" id="{5558F6A6-AC61-4F70-B3C5-9063F20894DE}"/>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8" name="テキスト ボックス 407">
          <a:extLst>
            <a:ext uri="{FF2B5EF4-FFF2-40B4-BE49-F238E27FC236}">
              <a16:creationId xmlns:a16="http://schemas.microsoft.com/office/drawing/2014/main" id="{4F1EC48D-2C31-434C-8ED7-7F05B29ADCE6}"/>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9" name="テキスト ボックス 408">
          <a:extLst>
            <a:ext uri="{FF2B5EF4-FFF2-40B4-BE49-F238E27FC236}">
              <a16:creationId xmlns:a16="http://schemas.microsoft.com/office/drawing/2014/main" id="{C9DE7356-1263-4685-A290-6BEA80950C78}"/>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0" name="テキスト ボックス 409">
          <a:extLst>
            <a:ext uri="{FF2B5EF4-FFF2-40B4-BE49-F238E27FC236}">
              <a16:creationId xmlns:a16="http://schemas.microsoft.com/office/drawing/2014/main" id="{5A6B2FE4-CB7E-4AE2-97F2-55E9FFB49A63}"/>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41332</xdr:rowOff>
    </xdr:from>
    <xdr:to>
      <xdr:col>24</xdr:col>
      <xdr:colOff>114300</xdr:colOff>
      <xdr:row>101</xdr:row>
      <xdr:rowOff>71482</xdr:rowOff>
    </xdr:to>
    <xdr:sp macro="" textlink="">
      <xdr:nvSpPr>
        <xdr:cNvPr id="411" name="楕円 410">
          <a:extLst>
            <a:ext uri="{FF2B5EF4-FFF2-40B4-BE49-F238E27FC236}">
              <a16:creationId xmlns:a16="http://schemas.microsoft.com/office/drawing/2014/main" id="{6C33C475-52DD-4202-A8EA-1265C5613915}"/>
            </a:ext>
          </a:extLst>
        </xdr:cNvPr>
        <xdr:cNvSpPr/>
      </xdr:nvSpPr>
      <xdr:spPr>
        <a:xfrm>
          <a:off x="4584700" y="17286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56259</xdr:rowOff>
    </xdr:from>
    <xdr:ext cx="405111" cy="259045"/>
    <xdr:sp macro="" textlink="">
      <xdr:nvSpPr>
        <xdr:cNvPr id="412" name="【港湾・漁港】&#10;有形固定資産減価償却率該当値テキスト">
          <a:extLst>
            <a:ext uri="{FF2B5EF4-FFF2-40B4-BE49-F238E27FC236}">
              <a16:creationId xmlns:a16="http://schemas.microsoft.com/office/drawing/2014/main" id="{E41DD8B7-AF15-4C93-BC12-E8935B6C3BD0}"/>
            </a:ext>
          </a:extLst>
        </xdr:cNvPr>
        <xdr:cNvSpPr txBox="1"/>
      </xdr:nvSpPr>
      <xdr:spPr>
        <a:xfrm>
          <a:off x="4673600" y="17201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110308</xdr:rowOff>
    </xdr:from>
    <xdr:to>
      <xdr:col>20</xdr:col>
      <xdr:colOff>38100</xdr:colOff>
      <xdr:row>101</xdr:row>
      <xdr:rowOff>40458</xdr:rowOff>
    </xdr:to>
    <xdr:sp macro="" textlink="">
      <xdr:nvSpPr>
        <xdr:cNvPr id="413" name="楕円 412">
          <a:extLst>
            <a:ext uri="{FF2B5EF4-FFF2-40B4-BE49-F238E27FC236}">
              <a16:creationId xmlns:a16="http://schemas.microsoft.com/office/drawing/2014/main" id="{663EFCAE-BFB4-4B1E-8B9C-A4C387CA1DBE}"/>
            </a:ext>
          </a:extLst>
        </xdr:cNvPr>
        <xdr:cNvSpPr/>
      </xdr:nvSpPr>
      <xdr:spPr>
        <a:xfrm>
          <a:off x="3746500" y="172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161108</xdr:rowOff>
    </xdr:from>
    <xdr:to>
      <xdr:col>24</xdr:col>
      <xdr:colOff>63500</xdr:colOff>
      <xdr:row>101</xdr:row>
      <xdr:rowOff>20682</xdr:rowOff>
    </xdr:to>
    <xdr:cxnSp macro="">
      <xdr:nvCxnSpPr>
        <xdr:cNvPr id="414" name="直線コネクタ 413">
          <a:extLst>
            <a:ext uri="{FF2B5EF4-FFF2-40B4-BE49-F238E27FC236}">
              <a16:creationId xmlns:a16="http://schemas.microsoft.com/office/drawing/2014/main" id="{57B030BD-5B33-4FE5-AF07-DFDEAFE5D194}"/>
            </a:ext>
          </a:extLst>
        </xdr:cNvPr>
        <xdr:cNvCxnSpPr/>
      </xdr:nvCxnSpPr>
      <xdr:spPr>
        <a:xfrm>
          <a:off x="3797300" y="17306108"/>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77651</xdr:rowOff>
    </xdr:from>
    <xdr:to>
      <xdr:col>15</xdr:col>
      <xdr:colOff>101600</xdr:colOff>
      <xdr:row>101</xdr:row>
      <xdr:rowOff>7801</xdr:rowOff>
    </xdr:to>
    <xdr:sp macro="" textlink="">
      <xdr:nvSpPr>
        <xdr:cNvPr id="415" name="楕円 414">
          <a:extLst>
            <a:ext uri="{FF2B5EF4-FFF2-40B4-BE49-F238E27FC236}">
              <a16:creationId xmlns:a16="http://schemas.microsoft.com/office/drawing/2014/main" id="{0270D6EB-91A7-49BC-8439-C05785412BC5}"/>
            </a:ext>
          </a:extLst>
        </xdr:cNvPr>
        <xdr:cNvSpPr/>
      </xdr:nvSpPr>
      <xdr:spPr>
        <a:xfrm>
          <a:off x="2857500" y="17222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128451</xdr:rowOff>
    </xdr:from>
    <xdr:to>
      <xdr:col>19</xdr:col>
      <xdr:colOff>177800</xdr:colOff>
      <xdr:row>100</xdr:row>
      <xdr:rowOff>161108</xdr:rowOff>
    </xdr:to>
    <xdr:cxnSp macro="">
      <xdr:nvCxnSpPr>
        <xdr:cNvPr id="416" name="直線コネクタ 415">
          <a:extLst>
            <a:ext uri="{FF2B5EF4-FFF2-40B4-BE49-F238E27FC236}">
              <a16:creationId xmlns:a16="http://schemas.microsoft.com/office/drawing/2014/main" id="{3A694646-009E-4720-B41D-616742A08860}"/>
            </a:ext>
          </a:extLst>
        </xdr:cNvPr>
        <xdr:cNvCxnSpPr/>
      </xdr:nvCxnSpPr>
      <xdr:spPr>
        <a:xfrm>
          <a:off x="2908300" y="17273451"/>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0</xdr:row>
      <xdr:rowOff>17236</xdr:rowOff>
    </xdr:from>
    <xdr:to>
      <xdr:col>10</xdr:col>
      <xdr:colOff>165100</xdr:colOff>
      <xdr:row>100</xdr:row>
      <xdr:rowOff>118836</xdr:rowOff>
    </xdr:to>
    <xdr:sp macro="" textlink="">
      <xdr:nvSpPr>
        <xdr:cNvPr id="417" name="楕円 416">
          <a:extLst>
            <a:ext uri="{FF2B5EF4-FFF2-40B4-BE49-F238E27FC236}">
              <a16:creationId xmlns:a16="http://schemas.microsoft.com/office/drawing/2014/main" id="{C1F2BA54-6AD5-4A60-B992-90FAF02FBC8E}"/>
            </a:ext>
          </a:extLst>
        </xdr:cNvPr>
        <xdr:cNvSpPr/>
      </xdr:nvSpPr>
      <xdr:spPr>
        <a:xfrm>
          <a:off x="1968500" y="17162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68036</xdr:rowOff>
    </xdr:from>
    <xdr:to>
      <xdr:col>15</xdr:col>
      <xdr:colOff>50800</xdr:colOff>
      <xdr:row>100</xdr:row>
      <xdr:rowOff>128451</xdr:rowOff>
    </xdr:to>
    <xdr:cxnSp macro="">
      <xdr:nvCxnSpPr>
        <xdr:cNvPr id="418" name="直線コネクタ 417">
          <a:extLst>
            <a:ext uri="{FF2B5EF4-FFF2-40B4-BE49-F238E27FC236}">
              <a16:creationId xmlns:a16="http://schemas.microsoft.com/office/drawing/2014/main" id="{35EEC479-5DBD-4EA2-A16F-F1A7E73B0885}"/>
            </a:ext>
          </a:extLst>
        </xdr:cNvPr>
        <xdr:cNvCxnSpPr/>
      </xdr:nvCxnSpPr>
      <xdr:spPr>
        <a:xfrm>
          <a:off x="2019300" y="17213036"/>
          <a:ext cx="889000" cy="60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0</xdr:row>
      <xdr:rowOff>12337</xdr:rowOff>
    </xdr:from>
    <xdr:to>
      <xdr:col>6</xdr:col>
      <xdr:colOff>38100</xdr:colOff>
      <xdr:row>100</xdr:row>
      <xdr:rowOff>113937</xdr:rowOff>
    </xdr:to>
    <xdr:sp macro="" textlink="">
      <xdr:nvSpPr>
        <xdr:cNvPr id="419" name="楕円 418">
          <a:extLst>
            <a:ext uri="{FF2B5EF4-FFF2-40B4-BE49-F238E27FC236}">
              <a16:creationId xmlns:a16="http://schemas.microsoft.com/office/drawing/2014/main" id="{887D17C7-1311-4557-A79A-68AB1D24C4D7}"/>
            </a:ext>
          </a:extLst>
        </xdr:cNvPr>
        <xdr:cNvSpPr/>
      </xdr:nvSpPr>
      <xdr:spPr>
        <a:xfrm>
          <a:off x="1079500" y="17157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0</xdr:row>
      <xdr:rowOff>63137</xdr:rowOff>
    </xdr:from>
    <xdr:to>
      <xdr:col>10</xdr:col>
      <xdr:colOff>114300</xdr:colOff>
      <xdr:row>100</xdr:row>
      <xdr:rowOff>68036</xdr:rowOff>
    </xdr:to>
    <xdr:cxnSp macro="">
      <xdr:nvCxnSpPr>
        <xdr:cNvPr id="420" name="直線コネクタ 419">
          <a:extLst>
            <a:ext uri="{FF2B5EF4-FFF2-40B4-BE49-F238E27FC236}">
              <a16:creationId xmlns:a16="http://schemas.microsoft.com/office/drawing/2014/main" id="{F8554485-57B2-41EF-8A90-05AAFDAC2329}"/>
            </a:ext>
          </a:extLst>
        </xdr:cNvPr>
        <xdr:cNvCxnSpPr/>
      </xdr:nvCxnSpPr>
      <xdr:spPr>
        <a:xfrm>
          <a:off x="1130300" y="17208137"/>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33219</xdr:rowOff>
    </xdr:from>
    <xdr:ext cx="405111" cy="259045"/>
    <xdr:sp macro="" textlink="">
      <xdr:nvSpPr>
        <xdr:cNvPr id="421" name="n_1aveValue【港湾・漁港】&#10;有形固定資産減価償却率">
          <a:extLst>
            <a:ext uri="{FF2B5EF4-FFF2-40B4-BE49-F238E27FC236}">
              <a16:creationId xmlns:a16="http://schemas.microsoft.com/office/drawing/2014/main" id="{1011521E-D8E4-4BAB-8FF5-ABBF6AD6E677}"/>
            </a:ext>
          </a:extLst>
        </xdr:cNvPr>
        <xdr:cNvSpPr txBox="1"/>
      </xdr:nvSpPr>
      <xdr:spPr>
        <a:xfrm>
          <a:off x="3582044" y="18206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0358</xdr:rowOff>
    </xdr:from>
    <xdr:ext cx="405111" cy="259045"/>
    <xdr:sp macro="" textlink="">
      <xdr:nvSpPr>
        <xdr:cNvPr id="422" name="n_2aveValue【港湾・漁港】&#10;有形固定資産減価償却率">
          <a:extLst>
            <a:ext uri="{FF2B5EF4-FFF2-40B4-BE49-F238E27FC236}">
              <a16:creationId xmlns:a16="http://schemas.microsoft.com/office/drawing/2014/main" id="{60241D60-A890-41B8-86F1-84B7576F816F}"/>
            </a:ext>
          </a:extLst>
        </xdr:cNvPr>
        <xdr:cNvSpPr txBox="1"/>
      </xdr:nvSpPr>
      <xdr:spPr>
        <a:xfrm>
          <a:off x="2705744" y="1818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47519</xdr:rowOff>
    </xdr:from>
    <xdr:ext cx="405111" cy="259045"/>
    <xdr:sp macro="" textlink="">
      <xdr:nvSpPr>
        <xdr:cNvPr id="423" name="n_3aveValue【港湾・漁港】&#10;有形固定資産減価償却率">
          <a:extLst>
            <a:ext uri="{FF2B5EF4-FFF2-40B4-BE49-F238E27FC236}">
              <a16:creationId xmlns:a16="http://schemas.microsoft.com/office/drawing/2014/main" id="{431E4BDC-2DC4-404C-909C-61601D7BA18E}"/>
            </a:ext>
          </a:extLst>
        </xdr:cNvPr>
        <xdr:cNvSpPr txBox="1"/>
      </xdr:nvSpPr>
      <xdr:spPr>
        <a:xfrm>
          <a:off x="1816744" y="1814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32822</xdr:rowOff>
    </xdr:from>
    <xdr:ext cx="405111" cy="259045"/>
    <xdr:sp macro="" textlink="">
      <xdr:nvSpPr>
        <xdr:cNvPr id="424" name="n_4aveValue【港湾・漁港】&#10;有形固定資産減価償却率">
          <a:extLst>
            <a:ext uri="{FF2B5EF4-FFF2-40B4-BE49-F238E27FC236}">
              <a16:creationId xmlns:a16="http://schemas.microsoft.com/office/drawing/2014/main" id="{FDE7D8C7-F86D-45A8-A944-7842022C8EB1}"/>
            </a:ext>
          </a:extLst>
        </xdr:cNvPr>
        <xdr:cNvSpPr txBox="1"/>
      </xdr:nvSpPr>
      <xdr:spPr>
        <a:xfrm>
          <a:off x="927744" y="18135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56985</xdr:rowOff>
    </xdr:from>
    <xdr:ext cx="405111" cy="259045"/>
    <xdr:sp macro="" textlink="">
      <xdr:nvSpPr>
        <xdr:cNvPr id="425" name="n_1mainValue【港湾・漁港】&#10;有形固定資産減価償却率">
          <a:extLst>
            <a:ext uri="{FF2B5EF4-FFF2-40B4-BE49-F238E27FC236}">
              <a16:creationId xmlns:a16="http://schemas.microsoft.com/office/drawing/2014/main" id="{38AE65DA-9A52-4588-B9BE-3DBAB76D7302}"/>
            </a:ext>
          </a:extLst>
        </xdr:cNvPr>
        <xdr:cNvSpPr txBox="1"/>
      </xdr:nvSpPr>
      <xdr:spPr>
        <a:xfrm>
          <a:off x="3582044" y="17030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9</xdr:row>
      <xdr:rowOff>24328</xdr:rowOff>
    </xdr:from>
    <xdr:ext cx="405111" cy="259045"/>
    <xdr:sp macro="" textlink="">
      <xdr:nvSpPr>
        <xdr:cNvPr id="426" name="n_2mainValue【港湾・漁港】&#10;有形固定資産減価償却率">
          <a:extLst>
            <a:ext uri="{FF2B5EF4-FFF2-40B4-BE49-F238E27FC236}">
              <a16:creationId xmlns:a16="http://schemas.microsoft.com/office/drawing/2014/main" id="{68236963-B8A9-4748-B159-A4DC2F7B2EB2}"/>
            </a:ext>
          </a:extLst>
        </xdr:cNvPr>
        <xdr:cNvSpPr txBox="1"/>
      </xdr:nvSpPr>
      <xdr:spPr>
        <a:xfrm>
          <a:off x="2705744" y="16997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34561</xdr:colOff>
      <xdr:row>98</xdr:row>
      <xdr:rowOff>135363</xdr:rowOff>
    </xdr:from>
    <xdr:ext cx="340478" cy="259045"/>
    <xdr:sp macro="" textlink="">
      <xdr:nvSpPr>
        <xdr:cNvPr id="427" name="n_3mainValue【港湾・漁港】&#10;有形固定資産減価償却率">
          <a:extLst>
            <a:ext uri="{FF2B5EF4-FFF2-40B4-BE49-F238E27FC236}">
              <a16:creationId xmlns:a16="http://schemas.microsoft.com/office/drawing/2014/main" id="{AA59F3A2-02E7-462D-B4E4-2806B86DBACE}"/>
            </a:ext>
          </a:extLst>
        </xdr:cNvPr>
        <xdr:cNvSpPr txBox="1"/>
      </xdr:nvSpPr>
      <xdr:spPr>
        <a:xfrm>
          <a:off x="1849061" y="1693746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7561</xdr:colOff>
      <xdr:row>98</xdr:row>
      <xdr:rowOff>130464</xdr:rowOff>
    </xdr:from>
    <xdr:ext cx="340478" cy="259045"/>
    <xdr:sp macro="" textlink="">
      <xdr:nvSpPr>
        <xdr:cNvPr id="428" name="n_4mainValue【港湾・漁港】&#10;有形固定資産減価償却率">
          <a:extLst>
            <a:ext uri="{FF2B5EF4-FFF2-40B4-BE49-F238E27FC236}">
              <a16:creationId xmlns:a16="http://schemas.microsoft.com/office/drawing/2014/main" id="{C413370C-B52E-47C3-9D22-78137CFFE2A5}"/>
            </a:ext>
          </a:extLst>
        </xdr:cNvPr>
        <xdr:cNvSpPr txBox="1"/>
      </xdr:nvSpPr>
      <xdr:spPr>
        <a:xfrm>
          <a:off x="960061" y="169325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29" name="正方形/長方形 428">
          <a:extLst>
            <a:ext uri="{FF2B5EF4-FFF2-40B4-BE49-F238E27FC236}">
              <a16:creationId xmlns:a16="http://schemas.microsoft.com/office/drawing/2014/main" id="{6D50B6AD-343D-4E3F-BA5F-FCE710DBEC58}"/>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0" name="正方形/長方形 429">
          <a:extLst>
            <a:ext uri="{FF2B5EF4-FFF2-40B4-BE49-F238E27FC236}">
              <a16:creationId xmlns:a16="http://schemas.microsoft.com/office/drawing/2014/main" id="{BDFEB243-B209-4549-BEF0-97762864F72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1" name="正方形/長方形 430">
          <a:extLst>
            <a:ext uri="{FF2B5EF4-FFF2-40B4-BE49-F238E27FC236}">
              <a16:creationId xmlns:a16="http://schemas.microsoft.com/office/drawing/2014/main" id="{B42C56FD-4EB0-45A4-BFA4-F72529AF59EB}"/>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2" name="正方形/長方形 431">
          <a:extLst>
            <a:ext uri="{FF2B5EF4-FFF2-40B4-BE49-F238E27FC236}">
              <a16:creationId xmlns:a16="http://schemas.microsoft.com/office/drawing/2014/main" id="{FB11C6AD-23DA-4529-AD17-EF9C21E24CD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3" name="正方形/長方形 432">
          <a:extLst>
            <a:ext uri="{FF2B5EF4-FFF2-40B4-BE49-F238E27FC236}">
              <a16:creationId xmlns:a16="http://schemas.microsoft.com/office/drawing/2014/main" id="{F3C6C551-384D-499E-AF3C-0A343537EC4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4" name="正方形/長方形 433">
          <a:extLst>
            <a:ext uri="{FF2B5EF4-FFF2-40B4-BE49-F238E27FC236}">
              <a16:creationId xmlns:a16="http://schemas.microsoft.com/office/drawing/2014/main" id="{FED1251B-3E48-4C91-8174-87E06F42C54F}"/>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5" name="正方形/長方形 434">
          <a:extLst>
            <a:ext uri="{FF2B5EF4-FFF2-40B4-BE49-F238E27FC236}">
              <a16:creationId xmlns:a16="http://schemas.microsoft.com/office/drawing/2014/main" id="{A5537A4E-8F18-4008-A6F7-34DD7E867C44}"/>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6" name="正方形/長方形 435">
          <a:extLst>
            <a:ext uri="{FF2B5EF4-FFF2-40B4-BE49-F238E27FC236}">
              <a16:creationId xmlns:a16="http://schemas.microsoft.com/office/drawing/2014/main" id="{8E469B04-EBC1-4271-846B-60A40E2799B4}"/>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7" name="テキスト ボックス 436">
          <a:extLst>
            <a:ext uri="{FF2B5EF4-FFF2-40B4-BE49-F238E27FC236}">
              <a16:creationId xmlns:a16="http://schemas.microsoft.com/office/drawing/2014/main" id="{50D0EEA3-2F09-4950-9B15-CE68B6B704C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8" name="直線コネクタ 437">
          <a:extLst>
            <a:ext uri="{FF2B5EF4-FFF2-40B4-BE49-F238E27FC236}">
              <a16:creationId xmlns:a16="http://schemas.microsoft.com/office/drawing/2014/main" id="{1BD7B3F6-D182-42AA-9380-EE226F896C63}"/>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39" name="直線コネクタ 438">
          <a:extLst>
            <a:ext uri="{FF2B5EF4-FFF2-40B4-BE49-F238E27FC236}">
              <a16:creationId xmlns:a16="http://schemas.microsoft.com/office/drawing/2014/main" id="{7869BFE5-87D3-46EC-A496-C2E838D496DD}"/>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0" name="テキスト ボックス 439">
          <a:extLst>
            <a:ext uri="{FF2B5EF4-FFF2-40B4-BE49-F238E27FC236}">
              <a16:creationId xmlns:a16="http://schemas.microsoft.com/office/drawing/2014/main" id="{05F7C9BC-8583-456C-8E66-257388455703}"/>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1" name="直線コネクタ 440">
          <a:extLst>
            <a:ext uri="{FF2B5EF4-FFF2-40B4-BE49-F238E27FC236}">
              <a16:creationId xmlns:a16="http://schemas.microsoft.com/office/drawing/2014/main" id="{EB4E7AE4-C12F-489F-A95D-5D937CE9C32B}"/>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2" name="テキスト ボックス 441">
          <a:extLst>
            <a:ext uri="{FF2B5EF4-FFF2-40B4-BE49-F238E27FC236}">
              <a16:creationId xmlns:a16="http://schemas.microsoft.com/office/drawing/2014/main" id="{2D38614F-3532-42E2-A3E4-AAA3EA7EC8F6}"/>
            </a:ext>
          </a:extLst>
        </xdr:cNvPr>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3" name="直線コネクタ 442">
          <a:extLst>
            <a:ext uri="{FF2B5EF4-FFF2-40B4-BE49-F238E27FC236}">
              <a16:creationId xmlns:a16="http://schemas.microsoft.com/office/drawing/2014/main" id="{63A597ED-DC88-49B1-8142-D7153A3D07BB}"/>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444" name="テキスト ボックス 443">
          <a:extLst>
            <a:ext uri="{FF2B5EF4-FFF2-40B4-BE49-F238E27FC236}">
              <a16:creationId xmlns:a16="http://schemas.microsoft.com/office/drawing/2014/main" id="{30982C5E-E306-4AFF-93D6-F2910189F795}"/>
            </a:ext>
          </a:extLst>
        </xdr:cNvPr>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45" name="直線コネクタ 444">
          <a:extLst>
            <a:ext uri="{FF2B5EF4-FFF2-40B4-BE49-F238E27FC236}">
              <a16:creationId xmlns:a16="http://schemas.microsoft.com/office/drawing/2014/main" id="{BA0C5044-2948-4C7E-9510-DE63FDEE032E}"/>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446" name="テキスト ボックス 445">
          <a:extLst>
            <a:ext uri="{FF2B5EF4-FFF2-40B4-BE49-F238E27FC236}">
              <a16:creationId xmlns:a16="http://schemas.microsoft.com/office/drawing/2014/main" id="{D5C38360-D359-484D-B51D-5198F44642FA}"/>
            </a:ext>
          </a:extLst>
        </xdr:cNvPr>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47" name="直線コネクタ 446">
          <a:extLst>
            <a:ext uri="{FF2B5EF4-FFF2-40B4-BE49-F238E27FC236}">
              <a16:creationId xmlns:a16="http://schemas.microsoft.com/office/drawing/2014/main" id="{D2E1B849-0345-41D1-87F5-2AC172EBFCF1}"/>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29227</xdr:rowOff>
    </xdr:from>
    <xdr:ext cx="595419" cy="259045"/>
    <xdr:sp macro="" textlink="">
      <xdr:nvSpPr>
        <xdr:cNvPr id="448" name="テキスト ボックス 447">
          <a:extLst>
            <a:ext uri="{FF2B5EF4-FFF2-40B4-BE49-F238E27FC236}">
              <a16:creationId xmlns:a16="http://schemas.microsoft.com/office/drawing/2014/main" id="{5C2B2E30-606C-4D74-8C16-771D463A419E}"/>
            </a:ext>
          </a:extLst>
        </xdr:cNvPr>
        <xdr:cNvSpPr txBox="1"/>
      </xdr:nvSpPr>
      <xdr:spPr>
        <a:xfrm>
          <a:off x="6008581" y="1700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9" name="直線コネクタ 448">
          <a:extLst>
            <a:ext uri="{FF2B5EF4-FFF2-40B4-BE49-F238E27FC236}">
              <a16:creationId xmlns:a16="http://schemas.microsoft.com/office/drawing/2014/main" id="{FA74644C-A844-4AAB-A175-507313537DE1}"/>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0" name="テキスト ボックス 449">
          <a:extLst>
            <a:ext uri="{FF2B5EF4-FFF2-40B4-BE49-F238E27FC236}">
              <a16:creationId xmlns:a16="http://schemas.microsoft.com/office/drawing/2014/main" id="{A663C489-F88E-4211-95A7-ED22A10FB32D}"/>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1" name="【港湾・漁港】&#10;一人当たり有形固定資産（償却資産）額グラフ枠">
          <a:extLst>
            <a:ext uri="{FF2B5EF4-FFF2-40B4-BE49-F238E27FC236}">
              <a16:creationId xmlns:a16="http://schemas.microsoft.com/office/drawing/2014/main" id="{A9AB7617-9F1C-423B-BCEA-97393CC47B3B}"/>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92683</xdr:rowOff>
    </xdr:from>
    <xdr:to>
      <xdr:col>54</xdr:col>
      <xdr:colOff>189865</xdr:colOff>
      <xdr:row>108</xdr:row>
      <xdr:rowOff>145611</xdr:rowOff>
    </xdr:to>
    <xdr:cxnSp macro="">
      <xdr:nvCxnSpPr>
        <xdr:cNvPr id="452" name="直線コネクタ 451">
          <a:extLst>
            <a:ext uri="{FF2B5EF4-FFF2-40B4-BE49-F238E27FC236}">
              <a16:creationId xmlns:a16="http://schemas.microsoft.com/office/drawing/2014/main" id="{BE03C1DC-BC56-4B11-9853-D82E0F3D5583}"/>
            </a:ext>
          </a:extLst>
        </xdr:cNvPr>
        <xdr:cNvCxnSpPr/>
      </xdr:nvCxnSpPr>
      <xdr:spPr>
        <a:xfrm flipV="1">
          <a:off x="10476865" y="17237683"/>
          <a:ext cx="0" cy="14245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49438</xdr:rowOff>
    </xdr:from>
    <xdr:ext cx="378565" cy="259045"/>
    <xdr:sp macro="" textlink="">
      <xdr:nvSpPr>
        <xdr:cNvPr id="453" name="【港湾・漁港】&#10;一人当たり有形固定資産（償却資産）額最小値テキスト">
          <a:extLst>
            <a:ext uri="{FF2B5EF4-FFF2-40B4-BE49-F238E27FC236}">
              <a16:creationId xmlns:a16="http://schemas.microsoft.com/office/drawing/2014/main" id="{60FF19E1-5946-46A5-B64A-0995F963C1B1}"/>
            </a:ext>
          </a:extLst>
        </xdr:cNvPr>
        <xdr:cNvSpPr txBox="1"/>
      </xdr:nvSpPr>
      <xdr:spPr>
        <a:xfrm>
          <a:off x="10515600" y="186660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45611</xdr:rowOff>
    </xdr:from>
    <xdr:to>
      <xdr:col>55</xdr:col>
      <xdr:colOff>88900</xdr:colOff>
      <xdr:row>108</xdr:row>
      <xdr:rowOff>145611</xdr:rowOff>
    </xdr:to>
    <xdr:cxnSp macro="">
      <xdr:nvCxnSpPr>
        <xdr:cNvPr id="454" name="直線コネクタ 453">
          <a:extLst>
            <a:ext uri="{FF2B5EF4-FFF2-40B4-BE49-F238E27FC236}">
              <a16:creationId xmlns:a16="http://schemas.microsoft.com/office/drawing/2014/main" id="{3E3DC214-C61B-42BF-AE07-D94569E0C5B7}"/>
            </a:ext>
          </a:extLst>
        </xdr:cNvPr>
        <xdr:cNvCxnSpPr/>
      </xdr:nvCxnSpPr>
      <xdr:spPr>
        <a:xfrm>
          <a:off x="10388600" y="18662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39360</xdr:rowOff>
    </xdr:from>
    <xdr:ext cx="599010" cy="259045"/>
    <xdr:sp macro="" textlink="">
      <xdr:nvSpPr>
        <xdr:cNvPr id="455" name="【港湾・漁港】&#10;一人当たり有形固定資産（償却資産）額最大値テキスト">
          <a:extLst>
            <a:ext uri="{FF2B5EF4-FFF2-40B4-BE49-F238E27FC236}">
              <a16:creationId xmlns:a16="http://schemas.microsoft.com/office/drawing/2014/main" id="{4AA17E0B-E046-4A32-B2F0-DD3EA18ADDAB}"/>
            </a:ext>
          </a:extLst>
        </xdr:cNvPr>
        <xdr:cNvSpPr txBox="1"/>
      </xdr:nvSpPr>
      <xdr:spPr>
        <a:xfrm>
          <a:off x="10515600" y="170129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8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92683</xdr:rowOff>
    </xdr:from>
    <xdr:to>
      <xdr:col>55</xdr:col>
      <xdr:colOff>88900</xdr:colOff>
      <xdr:row>100</xdr:row>
      <xdr:rowOff>92683</xdr:rowOff>
    </xdr:to>
    <xdr:cxnSp macro="">
      <xdr:nvCxnSpPr>
        <xdr:cNvPr id="456" name="直線コネクタ 455">
          <a:extLst>
            <a:ext uri="{FF2B5EF4-FFF2-40B4-BE49-F238E27FC236}">
              <a16:creationId xmlns:a16="http://schemas.microsoft.com/office/drawing/2014/main" id="{2A2A4343-260F-4EEB-A306-766867D5F81F}"/>
            </a:ext>
          </a:extLst>
        </xdr:cNvPr>
        <xdr:cNvCxnSpPr/>
      </xdr:nvCxnSpPr>
      <xdr:spPr>
        <a:xfrm>
          <a:off x="10388600" y="17237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43180</xdr:rowOff>
    </xdr:from>
    <xdr:ext cx="534377" cy="259045"/>
    <xdr:sp macro="" textlink="">
      <xdr:nvSpPr>
        <xdr:cNvPr id="457" name="【港湾・漁港】&#10;一人当たり有形固定資産（償却資産）額平均値テキスト">
          <a:extLst>
            <a:ext uri="{FF2B5EF4-FFF2-40B4-BE49-F238E27FC236}">
              <a16:creationId xmlns:a16="http://schemas.microsoft.com/office/drawing/2014/main" id="{8955BCF7-7251-4B91-A9AA-AA4FB0329F54}"/>
            </a:ext>
          </a:extLst>
        </xdr:cNvPr>
        <xdr:cNvSpPr txBox="1"/>
      </xdr:nvSpPr>
      <xdr:spPr>
        <a:xfrm>
          <a:off x="10515600" y="182168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0303</xdr:rowOff>
    </xdr:from>
    <xdr:to>
      <xdr:col>55</xdr:col>
      <xdr:colOff>50800</xdr:colOff>
      <xdr:row>107</xdr:row>
      <xdr:rowOff>121903</xdr:rowOff>
    </xdr:to>
    <xdr:sp macro="" textlink="">
      <xdr:nvSpPr>
        <xdr:cNvPr id="458" name="フローチャート: 判断 457">
          <a:extLst>
            <a:ext uri="{FF2B5EF4-FFF2-40B4-BE49-F238E27FC236}">
              <a16:creationId xmlns:a16="http://schemas.microsoft.com/office/drawing/2014/main" id="{6393D983-AB0F-43F2-BF76-BB751B6F04B8}"/>
            </a:ext>
          </a:extLst>
        </xdr:cNvPr>
        <xdr:cNvSpPr/>
      </xdr:nvSpPr>
      <xdr:spPr>
        <a:xfrm>
          <a:off x="10426700" y="18365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0891</xdr:rowOff>
    </xdr:from>
    <xdr:to>
      <xdr:col>50</xdr:col>
      <xdr:colOff>165100</xdr:colOff>
      <xdr:row>107</xdr:row>
      <xdr:rowOff>112491</xdr:rowOff>
    </xdr:to>
    <xdr:sp macro="" textlink="">
      <xdr:nvSpPr>
        <xdr:cNvPr id="459" name="フローチャート: 判断 458">
          <a:extLst>
            <a:ext uri="{FF2B5EF4-FFF2-40B4-BE49-F238E27FC236}">
              <a16:creationId xmlns:a16="http://schemas.microsoft.com/office/drawing/2014/main" id="{840B37FD-4BA4-4568-A7A3-476B6D0CA450}"/>
            </a:ext>
          </a:extLst>
        </xdr:cNvPr>
        <xdr:cNvSpPr/>
      </xdr:nvSpPr>
      <xdr:spPr>
        <a:xfrm>
          <a:off x="9588500" y="1835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2979</xdr:rowOff>
    </xdr:from>
    <xdr:to>
      <xdr:col>46</xdr:col>
      <xdr:colOff>38100</xdr:colOff>
      <xdr:row>107</xdr:row>
      <xdr:rowOff>114579</xdr:rowOff>
    </xdr:to>
    <xdr:sp macro="" textlink="">
      <xdr:nvSpPr>
        <xdr:cNvPr id="460" name="フローチャート: 判断 459">
          <a:extLst>
            <a:ext uri="{FF2B5EF4-FFF2-40B4-BE49-F238E27FC236}">
              <a16:creationId xmlns:a16="http://schemas.microsoft.com/office/drawing/2014/main" id="{90FD9186-ABAE-417F-A8DA-9AB10D2CE8C4}"/>
            </a:ext>
          </a:extLst>
        </xdr:cNvPr>
        <xdr:cNvSpPr/>
      </xdr:nvSpPr>
      <xdr:spPr>
        <a:xfrm>
          <a:off x="8699500" y="18358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3071</xdr:rowOff>
    </xdr:from>
    <xdr:to>
      <xdr:col>41</xdr:col>
      <xdr:colOff>101600</xdr:colOff>
      <xdr:row>107</xdr:row>
      <xdr:rowOff>114671</xdr:rowOff>
    </xdr:to>
    <xdr:sp macro="" textlink="">
      <xdr:nvSpPr>
        <xdr:cNvPr id="461" name="フローチャート: 判断 460">
          <a:extLst>
            <a:ext uri="{FF2B5EF4-FFF2-40B4-BE49-F238E27FC236}">
              <a16:creationId xmlns:a16="http://schemas.microsoft.com/office/drawing/2014/main" id="{C90347DA-80B8-411E-973B-2DB86AFF74A6}"/>
            </a:ext>
          </a:extLst>
        </xdr:cNvPr>
        <xdr:cNvSpPr/>
      </xdr:nvSpPr>
      <xdr:spPr>
        <a:xfrm>
          <a:off x="7810500" y="1835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37112</xdr:rowOff>
    </xdr:from>
    <xdr:to>
      <xdr:col>36</xdr:col>
      <xdr:colOff>165100</xdr:colOff>
      <xdr:row>107</xdr:row>
      <xdr:rowOff>138712</xdr:rowOff>
    </xdr:to>
    <xdr:sp macro="" textlink="">
      <xdr:nvSpPr>
        <xdr:cNvPr id="462" name="フローチャート: 判断 461">
          <a:extLst>
            <a:ext uri="{FF2B5EF4-FFF2-40B4-BE49-F238E27FC236}">
              <a16:creationId xmlns:a16="http://schemas.microsoft.com/office/drawing/2014/main" id="{5D59665C-9D3F-4856-9378-441A6CCDDF48}"/>
            </a:ext>
          </a:extLst>
        </xdr:cNvPr>
        <xdr:cNvSpPr/>
      </xdr:nvSpPr>
      <xdr:spPr>
        <a:xfrm>
          <a:off x="6921500" y="1838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3" name="テキスト ボックス 462">
          <a:extLst>
            <a:ext uri="{FF2B5EF4-FFF2-40B4-BE49-F238E27FC236}">
              <a16:creationId xmlns:a16="http://schemas.microsoft.com/office/drawing/2014/main" id="{C3DA1154-62FD-4DFE-A39C-B7FEAD834891}"/>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4" name="テキスト ボックス 463">
          <a:extLst>
            <a:ext uri="{FF2B5EF4-FFF2-40B4-BE49-F238E27FC236}">
              <a16:creationId xmlns:a16="http://schemas.microsoft.com/office/drawing/2014/main" id="{3219A90A-8341-4831-8E1C-E42BC0BCD968}"/>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5" name="テキスト ボックス 464">
          <a:extLst>
            <a:ext uri="{FF2B5EF4-FFF2-40B4-BE49-F238E27FC236}">
              <a16:creationId xmlns:a16="http://schemas.microsoft.com/office/drawing/2014/main" id="{D6F60428-ED45-43BC-A33E-DAAEAB092D7F}"/>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6" name="テキスト ボックス 465">
          <a:extLst>
            <a:ext uri="{FF2B5EF4-FFF2-40B4-BE49-F238E27FC236}">
              <a16:creationId xmlns:a16="http://schemas.microsoft.com/office/drawing/2014/main" id="{38A2BB55-D864-4D28-8A39-8E3E5853B2CE}"/>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7" name="テキスト ボックス 466">
          <a:extLst>
            <a:ext uri="{FF2B5EF4-FFF2-40B4-BE49-F238E27FC236}">
              <a16:creationId xmlns:a16="http://schemas.microsoft.com/office/drawing/2014/main" id="{D2C23C95-0019-4897-BE61-6C5AC668A403}"/>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6274</xdr:rowOff>
    </xdr:from>
    <xdr:to>
      <xdr:col>55</xdr:col>
      <xdr:colOff>50800</xdr:colOff>
      <xdr:row>108</xdr:row>
      <xdr:rowOff>107874</xdr:rowOff>
    </xdr:to>
    <xdr:sp macro="" textlink="">
      <xdr:nvSpPr>
        <xdr:cNvPr id="468" name="楕円 467">
          <a:extLst>
            <a:ext uri="{FF2B5EF4-FFF2-40B4-BE49-F238E27FC236}">
              <a16:creationId xmlns:a16="http://schemas.microsoft.com/office/drawing/2014/main" id="{94AD2F11-71E3-417D-ABC6-EA6FC72667B0}"/>
            </a:ext>
          </a:extLst>
        </xdr:cNvPr>
        <xdr:cNvSpPr/>
      </xdr:nvSpPr>
      <xdr:spPr>
        <a:xfrm>
          <a:off x="10426700" y="18522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92651</xdr:rowOff>
    </xdr:from>
    <xdr:ext cx="534377" cy="259045"/>
    <xdr:sp macro="" textlink="">
      <xdr:nvSpPr>
        <xdr:cNvPr id="469" name="【港湾・漁港】&#10;一人当たり有形固定資産（償却資産）額該当値テキスト">
          <a:extLst>
            <a:ext uri="{FF2B5EF4-FFF2-40B4-BE49-F238E27FC236}">
              <a16:creationId xmlns:a16="http://schemas.microsoft.com/office/drawing/2014/main" id="{500B85FD-2CAD-4432-8781-F3BAEBC57ABB}"/>
            </a:ext>
          </a:extLst>
        </xdr:cNvPr>
        <xdr:cNvSpPr txBox="1"/>
      </xdr:nvSpPr>
      <xdr:spPr>
        <a:xfrm>
          <a:off x="10515600" y="18437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6274</xdr:rowOff>
    </xdr:from>
    <xdr:to>
      <xdr:col>50</xdr:col>
      <xdr:colOff>165100</xdr:colOff>
      <xdr:row>108</xdr:row>
      <xdr:rowOff>107874</xdr:rowOff>
    </xdr:to>
    <xdr:sp macro="" textlink="">
      <xdr:nvSpPr>
        <xdr:cNvPr id="470" name="楕円 469">
          <a:extLst>
            <a:ext uri="{FF2B5EF4-FFF2-40B4-BE49-F238E27FC236}">
              <a16:creationId xmlns:a16="http://schemas.microsoft.com/office/drawing/2014/main" id="{B04FAFD5-B32C-48F2-B8BB-458A8207F03C}"/>
            </a:ext>
          </a:extLst>
        </xdr:cNvPr>
        <xdr:cNvSpPr/>
      </xdr:nvSpPr>
      <xdr:spPr>
        <a:xfrm>
          <a:off x="9588500" y="18522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57074</xdr:rowOff>
    </xdr:from>
    <xdr:to>
      <xdr:col>55</xdr:col>
      <xdr:colOff>0</xdr:colOff>
      <xdr:row>108</xdr:row>
      <xdr:rowOff>57074</xdr:rowOff>
    </xdr:to>
    <xdr:cxnSp macro="">
      <xdr:nvCxnSpPr>
        <xdr:cNvPr id="471" name="直線コネクタ 470">
          <a:extLst>
            <a:ext uri="{FF2B5EF4-FFF2-40B4-BE49-F238E27FC236}">
              <a16:creationId xmlns:a16="http://schemas.microsoft.com/office/drawing/2014/main" id="{631B98BB-251F-4FBB-8903-99924CC46AC3}"/>
            </a:ext>
          </a:extLst>
        </xdr:cNvPr>
        <xdr:cNvCxnSpPr/>
      </xdr:nvCxnSpPr>
      <xdr:spPr>
        <a:xfrm>
          <a:off x="9639300" y="1857367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5924</xdr:rowOff>
    </xdr:from>
    <xdr:to>
      <xdr:col>46</xdr:col>
      <xdr:colOff>38100</xdr:colOff>
      <xdr:row>108</xdr:row>
      <xdr:rowOff>107524</xdr:rowOff>
    </xdr:to>
    <xdr:sp macro="" textlink="">
      <xdr:nvSpPr>
        <xdr:cNvPr id="472" name="楕円 471">
          <a:extLst>
            <a:ext uri="{FF2B5EF4-FFF2-40B4-BE49-F238E27FC236}">
              <a16:creationId xmlns:a16="http://schemas.microsoft.com/office/drawing/2014/main" id="{235646FD-E9D2-4FDB-BEE5-DBE59454863B}"/>
            </a:ext>
          </a:extLst>
        </xdr:cNvPr>
        <xdr:cNvSpPr/>
      </xdr:nvSpPr>
      <xdr:spPr>
        <a:xfrm>
          <a:off x="8699500" y="1852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56724</xdr:rowOff>
    </xdr:from>
    <xdr:to>
      <xdr:col>50</xdr:col>
      <xdr:colOff>114300</xdr:colOff>
      <xdr:row>108</xdr:row>
      <xdr:rowOff>57074</xdr:rowOff>
    </xdr:to>
    <xdr:cxnSp macro="">
      <xdr:nvCxnSpPr>
        <xdr:cNvPr id="473" name="直線コネクタ 472">
          <a:extLst>
            <a:ext uri="{FF2B5EF4-FFF2-40B4-BE49-F238E27FC236}">
              <a16:creationId xmlns:a16="http://schemas.microsoft.com/office/drawing/2014/main" id="{FB8489F9-B101-4C9C-89C5-53D3CC3A128F}"/>
            </a:ext>
          </a:extLst>
        </xdr:cNvPr>
        <xdr:cNvCxnSpPr/>
      </xdr:nvCxnSpPr>
      <xdr:spPr>
        <a:xfrm>
          <a:off x="8750300" y="18573324"/>
          <a:ext cx="889000" cy="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55466</xdr:rowOff>
    </xdr:from>
    <xdr:to>
      <xdr:col>41</xdr:col>
      <xdr:colOff>101600</xdr:colOff>
      <xdr:row>108</xdr:row>
      <xdr:rowOff>85616</xdr:rowOff>
    </xdr:to>
    <xdr:sp macro="" textlink="">
      <xdr:nvSpPr>
        <xdr:cNvPr id="474" name="楕円 473">
          <a:extLst>
            <a:ext uri="{FF2B5EF4-FFF2-40B4-BE49-F238E27FC236}">
              <a16:creationId xmlns:a16="http://schemas.microsoft.com/office/drawing/2014/main" id="{329245F6-4714-4EF9-945B-C202731CAFCD}"/>
            </a:ext>
          </a:extLst>
        </xdr:cNvPr>
        <xdr:cNvSpPr/>
      </xdr:nvSpPr>
      <xdr:spPr>
        <a:xfrm>
          <a:off x="7810500" y="18500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34816</xdr:rowOff>
    </xdr:from>
    <xdr:to>
      <xdr:col>45</xdr:col>
      <xdr:colOff>177800</xdr:colOff>
      <xdr:row>108</xdr:row>
      <xdr:rowOff>56724</xdr:rowOff>
    </xdr:to>
    <xdr:cxnSp macro="">
      <xdr:nvCxnSpPr>
        <xdr:cNvPr id="475" name="直線コネクタ 474">
          <a:extLst>
            <a:ext uri="{FF2B5EF4-FFF2-40B4-BE49-F238E27FC236}">
              <a16:creationId xmlns:a16="http://schemas.microsoft.com/office/drawing/2014/main" id="{9DC31C3E-908D-49F1-9556-14B6C7BDEA2A}"/>
            </a:ext>
          </a:extLst>
        </xdr:cNvPr>
        <xdr:cNvCxnSpPr/>
      </xdr:nvCxnSpPr>
      <xdr:spPr>
        <a:xfrm>
          <a:off x="7861300" y="18551416"/>
          <a:ext cx="889000" cy="21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5900</xdr:rowOff>
    </xdr:from>
    <xdr:to>
      <xdr:col>36</xdr:col>
      <xdr:colOff>165100</xdr:colOff>
      <xdr:row>108</xdr:row>
      <xdr:rowOff>107500</xdr:rowOff>
    </xdr:to>
    <xdr:sp macro="" textlink="">
      <xdr:nvSpPr>
        <xdr:cNvPr id="476" name="楕円 475">
          <a:extLst>
            <a:ext uri="{FF2B5EF4-FFF2-40B4-BE49-F238E27FC236}">
              <a16:creationId xmlns:a16="http://schemas.microsoft.com/office/drawing/2014/main" id="{F474E96B-AE49-4C63-911F-1DBC6C78B9B1}"/>
            </a:ext>
          </a:extLst>
        </xdr:cNvPr>
        <xdr:cNvSpPr/>
      </xdr:nvSpPr>
      <xdr:spPr>
        <a:xfrm>
          <a:off x="6921500" y="1852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34816</xdr:rowOff>
    </xdr:from>
    <xdr:to>
      <xdr:col>41</xdr:col>
      <xdr:colOff>50800</xdr:colOff>
      <xdr:row>108</xdr:row>
      <xdr:rowOff>56700</xdr:rowOff>
    </xdr:to>
    <xdr:cxnSp macro="">
      <xdr:nvCxnSpPr>
        <xdr:cNvPr id="477" name="直線コネクタ 476">
          <a:extLst>
            <a:ext uri="{FF2B5EF4-FFF2-40B4-BE49-F238E27FC236}">
              <a16:creationId xmlns:a16="http://schemas.microsoft.com/office/drawing/2014/main" id="{FED4A855-0D50-4E31-AAAE-C54B96F99C07}"/>
            </a:ext>
          </a:extLst>
        </xdr:cNvPr>
        <xdr:cNvCxnSpPr/>
      </xdr:nvCxnSpPr>
      <xdr:spPr>
        <a:xfrm flipV="1">
          <a:off x="6972300" y="18551416"/>
          <a:ext cx="889000" cy="21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5</xdr:row>
      <xdr:rowOff>129018</xdr:rowOff>
    </xdr:from>
    <xdr:ext cx="534377" cy="259045"/>
    <xdr:sp macro="" textlink="">
      <xdr:nvSpPr>
        <xdr:cNvPr id="478" name="n_1aveValue【港湾・漁港】&#10;一人当たり有形固定資産（償却資産）額">
          <a:extLst>
            <a:ext uri="{FF2B5EF4-FFF2-40B4-BE49-F238E27FC236}">
              <a16:creationId xmlns:a16="http://schemas.microsoft.com/office/drawing/2014/main" id="{A7220A7B-3077-4B94-AC94-482960E69A55}"/>
            </a:ext>
          </a:extLst>
        </xdr:cNvPr>
        <xdr:cNvSpPr txBox="1"/>
      </xdr:nvSpPr>
      <xdr:spPr>
        <a:xfrm>
          <a:off x="9359411" y="18131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131106</xdr:rowOff>
    </xdr:from>
    <xdr:ext cx="534377" cy="259045"/>
    <xdr:sp macro="" textlink="">
      <xdr:nvSpPr>
        <xdr:cNvPr id="479" name="n_2aveValue【港湾・漁港】&#10;一人当たり有形固定資産（償却資産）額">
          <a:extLst>
            <a:ext uri="{FF2B5EF4-FFF2-40B4-BE49-F238E27FC236}">
              <a16:creationId xmlns:a16="http://schemas.microsoft.com/office/drawing/2014/main" id="{121C9884-5FD8-46A8-B91F-0008FE2D267A}"/>
            </a:ext>
          </a:extLst>
        </xdr:cNvPr>
        <xdr:cNvSpPr txBox="1"/>
      </xdr:nvSpPr>
      <xdr:spPr>
        <a:xfrm>
          <a:off x="8483111" y="18133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31198</xdr:rowOff>
    </xdr:from>
    <xdr:ext cx="534377" cy="259045"/>
    <xdr:sp macro="" textlink="">
      <xdr:nvSpPr>
        <xdr:cNvPr id="480" name="n_3aveValue【港湾・漁港】&#10;一人当たり有形固定資産（償却資産）額">
          <a:extLst>
            <a:ext uri="{FF2B5EF4-FFF2-40B4-BE49-F238E27FC236}">
              <a16:creationId xmlns:a16="http://schemas.microsoft.com/office/drawing/2014/main" id="{8E0FC5FA-CACA-4777-A294-F591B724DA5B}"/>
            </a:ext>
          </a:extLst>
        </xdr:cNvPr>
        <xdr:cNvSpPr txBox="1"/>
      </xdr:nvSpPr>
      <xdr:spPr>
        <a:xfrm>
          <a:off x="7594111" y="18133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5</xdr:row>
      <xdr:rowOff>155239</xdr:rowOff>
    </xdr:from>
    <xdr:ext cx="534377" cy="259045"/>
    <xdr:sp macro="" textlink="">
      <xdr:nvSpPr>
        <xdr:cNvPr id="481" name="n_4aveValue【港湾・漁港】&#10;一人当たり有形固定資産（償却資産）額">
          <a:extLst>
            <a:ext uri="{FF2B5EF4-FFF2-40B4-BE49-F238E27FC236}">
              <a16:creationId xmlns:a16="http://schemas.microsoft.com/office/drawing/2014/main" id="{5DB7275F-4BF2-4D19-96F9-37FB8C369F45}"/>
            </a:ext>
          </a:extLst>
        </xdr:cNvPr>
        <xdr:cNvSpPr txBox="1"/>
      </xdr:nvSpPr>
      <xdr:spPr>
        <a:xfrm>
          <a:off x="6705111" y="18157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8</xdr:row>
      <xdr:rowOff>99001</xdr:rowOff>
    </xdr:from>
    <xdr:ext cx="534377" cy="259045"/>
    <xdr:sp macro="" textlink="">
      <xdr:nvSpPr>
        <xdr:cNvPr id="482" name="n_1mainValue【港湾・漁港】&#10;一人当たり有形固定資産（償却資産）額">
          <a:extLst>
            <a:ext uri="{FF2B5EF4-FFF2-40B4-BE49-F238E27FC236}">
              <a16:creationId xmlns:a16="http://schemas.microsoft.com/office/drawing/2014/main" id="{895B7E24-4DFC-40E3-9697-8F8FCCBE6C58}"/>
            </a:ext>
          </a:extLst>
        </xdr:cNvPr>
        <xdr:cNvSpPr txBox="1"/>
      </xdr:nvSpPr>
      <xdr:spPr>
        <a:xfrm>
          <a:off x="9359411" y="18615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98651</xdr:rowOff>
    </xdr:from>
    <xdr:ext cx="534377" cy="259045"/>
    <xdr:sp macro="" textlink="">
      <xdr:nvSpPr>
        <xdr:cNvPr id="483" name="n_2mainValue【港湾・漁港】&#10;一人当たり有形固定資産（償却資産）額">
          <a:extLst>
            <a:ext uri="{FF2B5EF4-FFF2-40B4-BE49-F238E27FC236}">
              <a16:creationId xmlns:a16="http://schemas.microsoft.com/office/drawing/2014/main" id="{A51749B8-EE58-4C3D-B3F2-0F1C2B39C74D}"/>
            </a:ext>
          </a:extLst>
        </xdr:cNvPr>
        <xdr:cNvSpPr txBox="1"/>
      </xdr:nvSpPr>
      <xdr:spPr>
        <a:xfrm>
          <a:off x="8483111" y="18615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76743</xdr:rowOff>
    </xdr:from>
    <xdr:ext cx="534377" cy="259045"/>
    <xdr:sp macro="" textlink="">
      <xdr:nvSpPr>
        <xdr:cNvPr id="484" name="n_3mainValue【港湾・漁港】&#10;一人当たり有形固定資産（償却資産）額">
          <a:extLst>
            <a:ext uri="{FF2B5EF4-FFF2-40B4-BE49-F238E27FC236}">
              <a16:creationId xmlns:a16="http://schemas.microsoft.com/office/drawing/2014/main" id="{4E016585-FB59-4C58-AB02-4533CF21EAD8}"/>
            </a:ext>
          </a:extLst>
        </xdr:cNvPr>
        <xdr:cNvSpPr txBox="1"/>
      </xdr:nvSpPr>
      <xdr:spPr>
        <a:xfrm>
          <a:off x="7594111" y="18593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98627</xdr:rowOff>
    </xdr:from>
    <xdr:ext cx="534377" cy="259045"/>
    <xdr:sp macro="" textlink="">
      <xdr:nvSpPr>
        <xdr:cNvPr id="485" name="n_4mainValue【港湾・漁港】&#10;一人当たり有形固定資産（償却資産）額">
          <a:extLst>
            <a:ext uri="{FF2B5EF4-FFF2-40B4-BE49-F238E27FC236}">
              <a16:creationId xmlns:a16="http://schemas.microsoft.com/office/drawing/2014/main" id="{9CB2238E-A807-4C40-8FC8-33D62CC9BEB6}"/>
            </a:ext>
          </a:extLst>
        </xdr:cNvPr>
        <xdr:cNvSpPr txBox="1"/>
      </xdr:nvSpPr>
      <xdr:spPr>
        <a:xfrm>
          <a:off x="6705111" y="18615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6" name="正方形/長方形 485">
          <a:extLst>
            <a:ext uri="{FF2B5EF4-FFF2-40B4-BE49-F238E27FC236}">
              <a16:creationId xmlns:a16="http://schemas.microsoft.com/office/drawing/2014/main" id="{B22B3EE1-AB08-4162-87E6-42A80CABBEF8}"/>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7" name="正方形/長方形 486">
          <a:extLst>
            <a:ext uri="{FF2B5EF4-FFF2-40B4-BE49-F238E27FC236}">
              <a16:creationId xmlns:a16="http://schemas.microsoft.com/office/drawing/2014/main" id="{CD168851-F108-4566-8C87-D63373F77462}"/>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8" name="正方形/長方形 487">
          <a:extLst>
            <a:ext uri="{FF2B5EF4-FFF2-40B4-BE49-F238E27FC236}">
              <a16:creationId xmlns:a16="http://schemas.microsoft.com/office/drawing/2014/main" id="{4BBF9EF1-D66B-44A1-B195-2331054AA649}"/>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9" name="正方形/長方形 488">
          <a:extLst>
            <a:ext uri="{FF2B5EF4-FFF2-40B4-BE49-F238E27FC236}">
              <a16:creationId xmlns:a16="http://schemas.microsoft.com/office/drawing/2014/main" id="{16F02B27-96FF-48FE-B519-71BF4854D185}"/>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0" name="正方形/長方形 489">
          <a:extLst>
            <a:ext uri="{FF2B5EF4-FFF2-40B4-BE49-F238E27FC236}">
              <a16:creationId xmlns:a16="http://schemas.microsoft.com/office/drawing/2014/main" id="{577974D1-B6AE-4D4A-A956-96425CDDDA07}"/>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1" name="正方形/長方形 490">
          <a:extLst>
            <a:ext uri="{FF2B5EF4-FFF2-40B4-BE49-F238E27FC236}">
              <a16:creationId xmlns:a16="http://schemas.microsoft.com/office/drawing/2014/main" id="{5F20110D-A3E2-4FFC-881C-683E177ADC39}"/>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2" name="正方形/長方形 491">
          <a:extLst>
            <a:ext uri="{FF2B5EF4-FFF2-40B4-BE49-F238E27FC236}">
              <a16:creationId xmlns:a16="http://schemas.microsoft.com/office/drawing/2014/main" id="{68C4ACB2-1D6F-4C66-8FB7-BE8C8623A2E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3" name="正方形/長方形 492">
          <a:extLst>
            <a:ext uri="{FF2B5EF4-FFF2-40B4-BE49-F238E27FC236}">
              <a16:creationId xmlns:a16="http://schemas.microsoft.com/office/drawing/2014/main" id="{85060239-8F63-4FBE-9957-534BE899A1F1}"/>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4" name="テキスト ボックス 493">
          <a:extLst>
            <a:ext uri="{FF2B5EF4-FFF2-40B4-BE49-F238E27FC236}">
              <a16:creationId xmlns:a16="http://schemas.microsoft.com/office/drawing/2014/main" id="{D0745112-B510-4904-87C0-6B28C9AE4CA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5" name="直線コネクタ 494">
          <a:extLst>
            <a:ext uri="{FF2B5EF4-FFF2-40B4-BE49-F238E27FC236}">
              <a16:creationId xmlns:a16="http://schemas.microsoft.com/office/drawing/2014/main" id="{E50F03F6-C41C-43C5-B66D-DD564C396BBF}"/>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6" name="テキスト ボックス 495">
          <a:extLst>
            <a:ext uri="{FF2B5EF4-FFF2-40B4-BE49-F238E27FC236}">
              <a16:creationId xmlns:a16="http://schemas.microsoft.com/office/drawing/2014/main" id="{E55334CA-1029-431C-BF0D-B459B41788EC}"/>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497" name="直線コネクタ 496">
          <a:extLst>
            <a:ext uri="{FF2B5EF4-FFF2-40B4-BE49-F238E27FC236}">
              <a16:creationId xmlns:a16="http://schemas.microsoft.com/office/drawing/2014/main" id="{0F4166AF-C61C-4E51-8903-B6B5C686106C}"/>
            </a:ext>
          </a:extLst>
        </xdr:cNvPr>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498" name="テキスト ボックス 497">
          <a:extLst>
            <a:ext uri="{FF2B5EF4-FFF2-40B4-BE49-F238E27FC236}">
              <a16:creationId xmlns:a16="http://schemas.microsoft.com/office/drawing/2014/main" id="{D88F0A69-A777-41DE-BDFE-B0B0CA614C93}"/>
            </a:ext>
          </a:extLst>
        </xdr:cNvPr>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499" name="直線コネクタ 498">
          <a:extLst>
            <a:ext uri="{FF2B5EF4-FFF2-40B4-BE49-F238E27FC236}">
              <a16:creationId xmlns:a16="http://schemas.microsoft.com/office/drawing/2014/main" id="{8825E269-70E4-4C10-90AC-5F87954D06B7}"/>
            </a:ext>
          </a:extLst>
        </xdr:cNvPr>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00" name="テキスト ボックス 499">
          <a:extLst>
            <a:ext uri="{FF2B5EF4-FFF2-40B4-BE49-F238E27FC236}">
              <a16:creationId xmlns:a16="http://schemas.microsoft.com/office/drawing/2014/main" id="{DFF53FCD-7AF6-4F00-9631-DBB036947876}"/>
            </a:ext>
          </a:extLst>
        </xdr:cNvPr>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01" name="直線コネクタ 500">
          <a:extLst>
            <a:ext uri="{FF2B5EF4-FFF2-40B4-BE49-F238E27FC236}">
              <a16:creationId xmlns:a16="http://schemas.microsoft.com/office/drawing/2014/main" id="{B90F1220-043C-4389-A268-D3C18C1EE8EC}"/>
            </a:ext>
          </a:extLst>
        </xdr:cNvPr>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02" name="テキスト ボックス 501">
          <a:extLst>
            <a:ext uri="{FF2B5EF4-FFF2-40B4-BE49-F238E27FC236}">
              <a16:creationId xmlns:a16="http://schemas.microsoft.com/office/drawing/2014/main" id="{57D2C960-C6CB-4FD7-ABA2-EB92847815DE}"/>
            </a:ext>
          </a:extLst>
        </xdr:cNvPr>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03" name="直線コネクタ 502">
          <a:extLst>
            <a:ext uri="{FF2B5EF4-FFF2-40B4-BE49-F238E27FC236}">
              <a16:creationId xmlns:a16="http://schemas.microsoft.com/office/drawing/2014/main" id="{AEBF524C-BB45-4E56-B06A-39AAC36389F0}"/>
            </a:ext>
          </a:extLst>
        </xdr:cNvPr>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04" name="テキスト ボックス 503">
          <a:extLst>
            <a:ext uri="{FF2B5EF4-FFF2-40B4-BE49-F238E27FC236}">
              <a16:creationId xmlns:a16="http://schemas.microsoft.com/office/drawing/2014/main" id="{00CAD2C3-5DB0-43C2-9255-67FB35B24ADC}"/>
            </a:ext>
          </a:extLst>
        </xdr:cNvPr>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5" name="直線コネクタ 504">
          <a:extLst>
            <a:ext uri="{FF2B5EF4-FFF2-40B4-BE49-F238E27FC236}">
              <a16:creationId xmlns:a16="http://schemas.microsoft.com/office/drawing/2014/main" id="{EC28A0A8-FD91-408D-BC45-BA0364FC977A}"/>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06" name="テキスト ボックス 505">
          <a:extLst>
            <a:ext uri="{FF2B5EF4-FFF2-40B4-BE49-F238E27FC236}">
              <a16:creationId xmlns:a16="http://schemas.microsoft.com/office/drawing/2014/main" id="{B5358075-FEC6-4E74-8F97-84AD52F11CBE}"/>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7" name="【認定こども園・幼稚園・保育所】&#10;有形固定資産減価償却率グラフ枠">
          <a:extLst>
            <a:ext uri="{FF2B5EF4-FFF2-40B4-BE49-F238E27FC236}">
              <a16:creationId xmlns:a16="http://schemas.microsoft.com/office/drawing/2014/main" id="{B802619C-BBF6-46F9-BC63-9678858ED53E}"/>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60782</xdr:rowOff>
    </xdr:from>
    <xdr:to>
      <xdr:col>85</xdr:col>
      <xdr:colOff>126364</xdr:colOff>
      <xdr:row>42</xdr:row>
      <xdr:rowOff>21336</xdr:rowOff>
    </xdr:to>
    <xdr:cxnSp macro="">
      <xdr:nvCxnSpPr>
        <xdr:cNvPr id="508" name="直線コネクタ 507">
          <a:extLst>
            <a:ext uri="{FF2B5EF4-FFF2-40B4-BE49-F238E27FC236}">
              <a16:creationId xmlns:a16="http://schemas.microsoft.com/office/drawing/2014/main" id="{2CAF95A8-0F78-4268-8176-F700F8060BBB}"/>
            </a:ext>
          </a:extLst>
        </xdr:cNvPr>
        <xdr:cNvCxnSpPr/>
      </xdr:nvCxnSpPr>
      <xdr:spPr>
        <a:xfrm flipV="1">
          <a:off x="16318864" y="5990082"/>
          <a:ext cx="0" cy="12321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5163</xdr:rowOff>
    </xdr:from>
    <xdr:ext cx="405111" cy="259045"/>
    <xdr:sp macro="" textlink="">
      <xdr:nvSpPr>
        <xdr:cNvPr id="509" name="【認定こども園・幼稚園・保育所】&#10;有形固定資産減価償却率最小値テキスト">
          <a:extLst>
            <a:ext uri="{FF2B5EF4-FFF2-40B4-BE49-F238E27FC236}">
              <a16:creationId xmlns:a16="http://schemas.microsoft.com/office/drawing/2014/main" id="{80F6F7F9-68A0-4496-A606-8499236EB0AD}"/>
            </a:ext>
          </a:extLst>
        </xdr:cNvPr>
        <xdr:cNvSpPr txBox="1"/>
      </xdr:nvSpPr>
      <xdr:spPr>
        <a:xfrm>
          <a:off x="16357600" y="7226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21336</xdr:rowOff>
    </xdr:from>
    <xdr:to>
      <xdr:col>86</xdr:col>
      <xdr:colOff>25400</xdr:colOff>
      <xdr:row>42</xdr:row>
      <xdr:rowOff>21336</xdr:rowOff>
    </xdr:to>
    <xdr:cxnSp macro="">
      <xdr:nvCxnSpPr>
        <xdr:cNvPr id="510" name="直線コネクタ 509">
          <a:extLst>
            <a:ext uri="{FF2B5EF4-FFF2-40B4-BE49-F238E27FC236}">
              <a16:creationId xmlns:a16="http://schemas.microsoft.com/office/drawing/2014/main" id="{6E2E5F3B-79E1-4CAF-9685-9FC95A85491C}"/>
            </a:ext>
          </a:extLst>
        </xdr:cNvPr>
        <xdr:cNvCxnSpPr/>
      </xdr:nvCxnSpPr>
      <xdr:spPr>
        <a:xfrm>
          <a:off x="16230600" y="72222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07459</xdr:rowOff>
    </xdr:from>
    <xdr:ext cx="405111" cy="259045"/>
    <xdr:sp macro="" textlink="">
      <xdr:nvSpPr>
        <xdr:cNvPr id="511" name="【認定こども園・幼稚園・保育所】&#10;有形固定資産減価償却率最大値テキスト">
          <a:extLst>
            <a:ext uri="{FF2B5EF4-FFF2-40B4-BE49-F238E27FC236}">
              <a16:creationId xmlns:a16="http://schemas.microsoft.com/office/drawing/2014/main" id="{E19320B9-7780-45EF-BC5C-685CDB33764D}"/>
            </a:ext>
          </a:extLst>
        </xdr:cNvPr>
        <xdr:cNvSpPr txBox="1"/>
      </xdr:nvSpPr>
      <xdr:spPr>
        <a:xfrm>
          <a:off x="16357600" y="5765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60782</xdr:rowOff>
    </xdr:from>
    <xdr:to>
      <xdr:col>86</xdr:col>
      <xdr:colOff>25400</xdr:colOff>
      <xdr:row>34</xdr:row>
      <xdr:rowOff>160782</xdr:rowOff>
    </xdr:to>
    <xdr:cxnSp macro="">
      <xdr:nvCxnSpPr>
        <xdr:cNvPr id="512" name="直線コネクタ 511">
          <a:extLst>
            <a:ext uri="{FF2B5EF4-FFF2-40B4-BE49-F238E27FC236}">
              <a16:creationId xmlns:a16="http://schemas.microsoft.com/office/drawing/2014/main" id="{5F3D9D7E-CEEE-4756-82BE-BB4E8F3BB2B5}"/>
            </a:ext>
          </a:extLst>
        </xdr:cNvPr>
        <xdr:cNvCxnSpPr/>
      </xdr:nvCxnSpPr>
      <xdr:spPr>
        <a:xfrm>
          <a:off x="16230600" y="5990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33545</xdr:rowOff>
    </xdr:from>
    <xdr:ext cx="405111" cy="259045"/>
    <xdr:sp macro="" textlink="">
      <xdr:nvSpPr>
        <xdr:cNvPr id="513" name="【認定こども園・幼稚園・保育所】&#10;有形固定資産減価償却率平均値テキスト">
          <a:extLst>
            <a:ext uri="{FF2B5EF4-FFF2-40B4-BE49-F238E27FC236}">
              <a16:creationId xmlns:a16="http://schemas.microsoft.com/office/drawing/2014/main" id="{C2C0D3BC-9220-4698-BC5F-F6043F2B141F}"/>
            </a:ext>
          </a:extLst>
        </xdr:cNvPr>
        <xdr:cNvSpPr txBox="1"/>
      </xdr:nvSpPr>
      <xdr:spPr>
        <a:xfrm>
          <a:off x="16357600" y="65486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5118</xdr:rowOff>
    </xdr:from>
    <xdr:to>
      <xdr:col>85</xdr:col>
      <xdr:colOff>177800</xdr:colOff>
      <xdr:row>38</xdr:row>
      <xdr:rowOff>156718</xdr:rowOff>
    </xdr:to>
    <xdr:sp macro="" textlink="">
      <xdr:nvSpPr>
        <xdr:cNvPr id="514" name="フローチャート: 判断 513">
          <a:extLst>
            <a:ext uri="{FF2B5EF4-FFF2-40B4-BE49-F238E27FC236}">
              <a16:creationId xmlns:a16="http://schemas.microsoft.com/office/drawing/2014/main" id="{975538E8-F8C7-4DE2-BD44-5CA3F5E25CB2}"/>
            </a:ext>
          </a:extLst>
        </xdr:cNvPr>
        <xdr:cNvSpPr/>
      </xdr:nvSpPr>
      <xdr:spPr>
        <a:xfrm>
          <a:off x="16268700" y="6570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87122</xdr:rowOff>
    </xdr:from>
    <xdr:to>
      <xdr:col>81</xdr:col>
      <xdr:colOff>101600</xdr:colOff>
      <xdr:row>39</xdr:row>
      <xdr:rowOff>17272</xdr:rowOff>
    </xdr:to>
    <xdr:sp macro="" textlink="">
      <xdr:nvSpPr>
        <xdr:cNvPr id="515" name="フローチャート: 判断 514">
          <a:extLst>
            <a:ext uri="{FF2B5EF4-FFF2-40B4-BE49-F238E27FC236}">
              <a16:creationId xmlns:a16="http://schemas.microsoft.com/office/drawing/2014/main" id="{28D894E5-24DC-4A0B-ABEA-2B3FDBB358E4}"/>
            </a:ext>
          </a:extLst>
        </xdr:cNvPr>
        <xdr:cNvSpPr/>
      </xdr:nvSpPr>
      <xdr:spPr>
        <a:xfrm>
          <a:off x="15430500" y="6602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09982</xdr:rowOff>
    </xdr:from>
    <xdr:to>
      <xdr:col>76</xdr:col>
      <xdr:colOff>165100</xdr:colOff>
      <xdr:row>39</xdr:row>
      <xdr:rowOff>40132</xdr:rowOff>
    </xdr:to>
    <xdr:sp macro="" textlink="">
      <xdr:nvSpPr>
        <xdr:cNvPr id="516" name="フローチャート: 判断 515">
          <a:extLst>
            <a:ext uri="{FF2B5EF4-FFF2-40B4-BE49-F238E27FC236}">
              <a16:creationId xmlns:a16="http://schemas.microsoft.com/office/drawing/2014/main" id="{772446B9-1C2C-4EF0-9B58-5BCFB9EE6AAB}"/>
            </a:ext>
          </a:extLst>
        </xdr:cNvPr>
        <xdr:cNvSpPr/>
      </xdr:nvSpPr>
      <xdr:spPr>
        <a:xfrm>
          <a:off x="14541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41986</xdr:rowOff>
    </xdr:from>
    <xdr:to>
      <xdr:col>72</xdr:col>
      <xdr:colOff>38100</xdr:colOff>
      <xdr:row>39</xdr:row>
      <xdr:rowOff>72136</xdr:rowOff>
    </xdr:to>
    <xdr:sp macro="" textlink="">
      <xdr:nvSpPr>
        <xdr:cNvPr id="517" name="フローチャート: 判断 516">
          <a:extLst>
            <a:ext uri="{FF2B5EF4-FFF2-40B4-BE49-F238E27FC236}">
              <a16:creationId xmlns:a16="http://schemas.microsoft.com/office/drawing/2014/main" id="{DB2035F1-EEA4-4999-8075-D6005F07BA75}"/>
            </a:ext>
          </a:extLst>
        </xdr:cNvPr>
        <xdr:cNvSpPr/>
      </xdr:nvSpPr>
      <xdr:spPr>
        <a:xfrm>
          <a:off x="13652500" y="665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57988</xdr:rowOff>
    </xdr:from>
    <xdr:to>
      <xdr:col>67</xdr:col>
      <xdr:colOff>101600</xdr:colOff>
      <xdr:row>39</xdr:row>
      <xdr:rowOff>88138</xdr:rowOff>
    </xdr:to>
    <xdr:sp macro="" textlink="">
      <xdr:nvSpPr>
        <xdr:cNvPr id="518" name="フローチャート: 判断 517">
          <a:extLst>
            <a:ext uri="{FF2B5EF4-FFF2-40B4-BE49-F238E27FC236}">
              <a16:creationId xmlns:a16="http://schemas.microsoft.com/office/drawing/2014/main" id="{336C9FAA-1632-4D5C-B9AB-0917F9BCDCF3}"/>
            </a:ext>
          </a:extLst>
        </xdr:cNvPr>
        <xdr:cNvSpPr/>
      </xdr:nvSpPr>
      <xdr:spPr>
        <a:xfrm>
          <a:off x="12763500" y="6673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19" name="テキスト ボックス 518">
          <a:extLst>
            <a:ext uri="{FF2B5EF4-FFF2-40B4-BE49-F238E27FC236}">
              <a16:creationId xmlns:a16="http://schemas.microsoft.com/office/drawing/2014/main" id="{40F35B00-E1F2-4181-A24B-FC0FCE06CD3A}"/>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0" name="テキスト ボックス 519">
          <a:extLst>
            <a:ext uri="{FF2B5EF4-FFF2-40B4-BE49-F238E27FC236}">
              <a16:creationId xmlns:a16="http://schemas.microsoft.com/office/drawing/2014/main" id="{A525123F-02C0-4D5A-8892-93743F4DF31C}"/>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1" name="テキスト ボックス 520">
          <a:extLst>
            <a:ext uri="{FF2B5EF4-FFF2-40B4-BE49-F238E27FC236}">
              <a16:creationId xmlns:a16="http://schemas.microsoft.com/office/drawing/2014/main" id="{1DAD2DCC-F495-43D8-BACD-A7890E53B99E}"/>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2" name="テキスト ボックス 521">
          <a:extLst>
            <a:ext uri="{FF2B5EF4-FFF2-40B4-BE49-F238E27FC236}">
              <a16:creationId xmlns:a16="http://schemas.microsoft.com/office/drawing/2014/main" id="{8AC0E895-19C9-44AD-8FBB-057001447948}"/>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3" name="テキスト ボックス 522">
          <a:extLst>
            <a:ext uri="{FF2B5EF4-FFF2-40B4-BE49-F238E27FC236}">
              <a16:creationId xmlns:a16="http://schemas.microsoft.com/office/drawing/2014/main" id="{2F7FB9D9-0077-48FA-BE15-BE0893981F65}"/>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3688</xdr:rowOff>
    </xdr:from>
    <xdr:to>
      <xdr:col>85</xdr:col>
      <xdr:colOff>177800</xdr:colOff>
      <xdr:row>36</xdr:row>
      <xdr:rowOff>145288</xdr:rowOff>
    </xdr:to>
    <xdr:sp macro="" textlink="">
      <xdr:nvSpPr>
        <xdr:cNvPr id="524" name="楕円 523">
          <a:extLst>
            <a:ext uri="{FF2B5EF4-FFF2-40B4-BE49-F238E27FC236}">
              <a16:creationId xmlns:a16="http://schemas.microsoft.com/office/drawing/2014/main" id="{F285DF16-0116-4B42-8B0F-45B5232E3320}"/>
            </a:ext>
          </a:extLst>
        </xdr:cNvPr>
        <xdr:cNvSpPr/>
      </xdr:nvSpPr>
      <xdr:spPr>
        <a:xfrm>
          <a:off x="16268700" y="6215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66565</xdr:rowOff>
    </xdr:from>
    <xdr:ext cx="405111" cy="259045"/>
    <xdr:sp macro="" textlink="">
      <xdr:nvSpPr>
        <xdr:cNvPr id="525" name="【認定こども園・幼稚園・保育所】&#10;有形固定資産減価償却率該当値テキスト">
          <a:extLst>
            <a:ext uri="{FF2B5EF4-FFF2-40B4-BE49-F238E27FC236}">
              <a16:creationId xmlns:a16="http://schemas.microsoft.com/office/drawing/2014/main" id="{A991809D-488E-4A72-8447-1DD68907A451}"/>
            </a:ext>
          </a:extLst>
        </xdr:cNvPr>
        <xdr:cNvSpPr txBox="1"/>
      </xdr:nvSpPr>
      <xdr:spPr>
        <a:xfrm>
          <a:off x="16357600" y="6067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46558</xdr:rowOff>
    </xdr:from>
    <xdr:to>
      <xdr:col>81</xdr:col>
      <xdr:colOff>101600</xdr:colOff>
      <xdr:row>36</xdr:row>
      <xdr:rowOff>76708</xdr:rowOff>
    </xdr:to>
    <xdr:sp macro="" textlink="">
      <xdr:nvSpPr>
        <xdr:cNvPr id="526" name="楕円 525">
          <a:extLst>
            <a:ext uri="{FF2B5EF4-FFF2-40B4-BE49-F238E27FC236}">
              <a16:creationId xmlns:a16="http://schemas.microsoft.com/office/drawing/2014/main" id="{A68B4FD5-C63B-4019-8FB5-D4A5AC2408DF}"/>
            </a:ext>
          </a:extLst>
        </xdr:cNvPr>
        <xdr:cNvSpPr/>
      </xdr:nvSpPr>
      <xdr:spPr>
        <a:xfrm>
          <a:off x="15430500" y="614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25908</xdr:rowOff>
    </xdr:from>
    <xdr:to>
      <xdr:col>85</xdr:col>
      <xdr:colOff>127000</xdr:colOff>
      <xdr:row>36</xdr:row>
      <xdr:rowOff>94488</xdr:rowOff>
    </xdr:to>
    <xdr:cxnSp macro="">
      <xdr:nvCxnSpPr>
        <xdr:cNvPr id="527" name="直線コネクタ 526">
          <a:extLst>
            <a:ext uri="{FF2B5EF4-FFF2-40B4-BE49-F238E27FC236}">
              <a16:creationId xmlns:a16="http://schemas.microsoft.com/office/drawing/2014/main" id="{1C9314F6-9F33-4E3E-97DB-FA8DB5986F65}"/>
            </a:ext>
          </a:extLst>
        </xdr:cNvPr>
        <xdr:cNvCxnSpPr/>
      </xdr:nvCxnSpPr>
      <xdr:spPr>
        <a:xfrm>
          <a:off x="15481300" y="6198108"/>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77978</xdr:rowOff>
    </xdr:from>
    <xdr:to>
      <xdr:col>76</xdr:col>
      <xdr:colOff>165100</xdr:colOff>
      <xdr:row>36</xdr:row>
      <xdr:rowOff>8128</xdr:rowOff>
    </xdr:to>
    <xdr:sp macro="" textlink="">
      <xdr:nvSpPr>
        <xdr:cNvPr id="528" name="楕円 527">
          <a:extLst>
            <a:ext uri="{FF2B5EF4-FFF2-40B4-BE49-F238E27FC236}">
              <a16:creationId xmlns:a16="http://schemas.microsoft.com/office/drawing/2014/main" id="{D8149779-2C35-4340-B22F-9E8CE1E318B0}"/>
            </a:ext>
          </a:extLst>
        </xdr:cNvPr>
        <xdr:cNvSpPr/>
      </xdr:nvSpPr>
      <xdr:spPr>
        <a:xfrm>
          <a:off x="14541500" y="6078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28778</xdr:rowOff>
    </xdr:from>
    <xdr:to>
      <xdr:col>81</xdr:col>
      <xdr:colOff>50800</xdr:colOff>
      <xdr:row>36</xdr:row>
      <xdr:rowOff>25908</xdr:rowOff>
    </xdr:to>
    <xdr:cxnSp macro="">
      <xdr:nvCxnSpPr>
        <xdr:cNvPr id="529" name="直線コネクタ 528">
          <a:extLst>
            <a:ext uri="{FF2B5EF4-FFF2-40B4-BE49-F238E27FC236}">
              <a16:creationId xmlns:a16="http://schemas.microsoft.com/office/drawing/2014/main" id="{012BD970-74AC-4080-9041-D569112EA632}"/>
            </a:ext>
          </a:extLst>
        </xdr:cNvPr>
        <xdr:cNvCxnSpPr/>
      </xdr:nvCxnSpPr>
      <xdr:spPr>
        <a:xfrm>
          <a:off x="14592300" y="6129528"/>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12268</xdr:rowOff>
    </xdr:from>
    <xdr:to>
      <xdr:col>72</xdr:col>
      <xdr:colOff>38100</xdr:colOff>
      <xdr:row>35</xdr:row>
      <xdr:rowOff>42418</xdr:rowOff>
    </xdr:to>
    <xdr:sp macro="" textlink="">
      <xdr:nvSpPr>
        <xdr:cNvPr id="530" name="楕円 529">
          <a:extLst>
            <a:ext uri="{FF2B5EF4-FFF2-40B4-BE49-F238E27FC236}">
              <a16:creationId xmlns:a16="http://schemas.microsoft.com/office/drawing/2014/main" id="{E52B7D10-18DC-4FF2-A1E1-A5F3BD64BD3C}"/>
            </a:ext>
          </a:extLst>
        </xdr:cNvPr>
        <xdr:cNvSpPr/>
      </xdr:nvSpPr>
      <xdr:spPr>
        <a:xfrm>
          <a:off x="13652500" y="5941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163068</xdr:rowOff>
    </xdr:from>
    <xdr:to>
      <xdr:col>76</xdr:col>
      <xdr:colOff>114300</xdr:colOff>
      <xdr:row>35</xdr:row>
      <xdr:rowOff>128778</xdr:rowOff>
    </xdr:to>
    <xdr:cxnSp macro="">
      <xdr:nvCxnSpPr>
        <xdr:cNvPr id="531" name="直線コネクタ 530">
          <a:extLst>
            <a:ext uri="{FF2B5EF4-FFF2-40B4-BE49-F238E27FC236}">
              <a16:creationId xmlns:a16="http://schemas.microsoft.com/office/drawing/2014/main" id="{E1CB27DE-47E2-45A2-8389-7246F9B11A9C}"/>
            </a:ext>
          </a:extLst>
        </xdr:cNvPr>
        <xdr:cNvCxnSpPr/>
      </xdr:nvCxnSpPr>
      <xdr:spPr>
        <a:xfrm>
          <a:off x="13703300" y="5992368"/>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157988</xdr:rowOff>
    </xdr:from>
    <xdr:to>
      <xdr:col>67</xdr:col>
      <xdr:colOff>101600</xdr:colOff>
      <xdr:row>34</xdr:row>
      <xdr:rowOff>88138</xdr:rowOff>
    </xdr:to>
    <xdr:sp macro="" textlink="">
      <xdr:nvSpPr>
        <xdr:cNvPr id="532" name="楕円 531">
          <a:extLst>
            <a:ext uri="{FF2B5EF4-FFF2-40B4-BE49-F238E27FC236}">
              <a16:creationId xmlns:a16="http://schemas.microsoft.com/office/drawing/2014/main" id="{EA07EFA1-F1F8-48C8-971B-882129C94E8E}"/>
            </a:ext>
          </a:extLst>
        </xdr:cNvPr>
        <xdr:cNvSpPr/>
      </xdr:nvSpPr>
      <xdr:spPr>
        <a:xfrm>
          <a:off x="12763500" y="5815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37338</xdr:rowOff>
    </xdr:from>
    <xdr:to>
      <xdr:col>71</xdr:col>
      <xdr:colOff>177800</xdr:colOff>
      <xdr:row>34</xdr:row>
      <xdr:rowOff>163068</xdr:rowOff>
    </xdr:to>
    <xdr:cxnSp macro="">
      <xdr:nvCxnSpPr>
        <xdr:cNvPr id="533" name="直線コネクタ 532">
          <a:extLst>
            <a:ext uri="{FF2B5EF4-FFF2-40B4-BE49-F238E27FC236}">
              <a16:creationId xmlns:a16="http://schemas.microsoft.com/office/drawing/2014/main" id="{294FDE9B-3940-4D56-9FD9-79BB67FF94B7}"/>
            </a:ext>
          </a:extLst>
        </xdr:cNvPr>
        <xdr:cNvCxnSpPr/>
      </xdr:nvCxnSpPr>
      <xdr:spPr>
        <a:xfrm>
          <a:off x="12814300" y="5866638"/>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8399</xdr:rowOff>
    </xdr:from>
    <xdr:ext cx="405111" cy="259045"/>
    <xdr:sp macro="" textlink="">
      <xdr:nvSpPr>
        <xdr:cNvPr id="534" name="n_1aveValue【認定こども園・幼稚園・保育所】&#10;有形固定資産減価償却率">
          <a:extLst>
            <a:ext uri="{FF2B5EF4-FFF2-40B4-BE49-F238E27FC236}">
              <a16:creationId xmlns:a16="http://schemas.microsoft.com/office/drawing/2014/main" id="{15711DAD-EE49-4459-8FB1-B62F443D69CB}"/>
            </a:ext>
          </a:extLst>
        </xdr:cNvPr>
        <xdr:cNvSpPr txBox="1"/>
      </xdr:nvSpPr>
      <xdr:spPr>
        <a:xfrm>
          <a:off x="15266044" y="6694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31259</xdr:rowOff>
    </xdr:from>
    <xdr:ext cx="405111" cy="259045"/>
    <xdr:sp macro="" textlink="">
      <xdr:nvSpPr>
        <xdr:cNvPr id="535" name="n_2aveValue【認定こども園・幼稚園・保育所】&#10;有形固定資産減価償却率">
          <a:extLst>
            <a:ext uri="{FF2B5EF4-FFF2-40B4-BE49-F238E27FC236}">
              <a16:creationId xmlns:a16="http://schemas.microsoft.com/office/drawing/2014/main" id="{3077189B-706D-48A8-B6CA-797E17D2F294}"/>
            </a:ext>
          </a:extLst>
        </xdr:cNvPr>
        <xdr:cNvSpPr txBox="1"/>
      </xdr:nvSpPr>
      <xdr:spPr>
        <a:xfrm>
          <a:off x="14389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63263</xdr:rowOff>
    </xdr:from>
    <xdr:ext cx="405111" cy="259045"/>
    <xdr:sp macro="" textlink="">
      <xdr:nvSpPr>
        <xdr:cNvPr id="536" name="n_3aveValue【認定こども園・幼稚園・保育所】&#10;有形固定資産減価償却率">
          <a:extLst>
            <a:ext uri="{FF2B5EF4-FFF2-40B4-BE49-F238E27FC236}">
              <a16:creationId xmlns:a16="http://schemas.microsoft.com/office/drawing/2014/main" id="{F4D81100-D3C5-4D45-B49D-C761A2E49A2E}"/>
            </a:ext>
          </a:extLst>
        </xdr:cNvPr>
        <xdr:cNvSpPr txBox="1"/>
      </xdr:nvSpPr>
      <xdr:spPr>
        <a:xfrm>
          <a:off x="13500744" y="6749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79265</xdr:rowOff>
    </xdr:from>
    <xdr:ext cx="405111" cy="259045"/>
    <xdr:sp macro="" textlink="">
      <xdr:nvSpPr>
        <xdr:cNvPr id="537" name="n_4aveValue【認定こども園・幼稚園・保育所】&#10;有形固定資産減価償却率">
          <a:extLst>
            <a:ext uri="{FF2B5EF4-FFF2-40B4-BE49-F238E27FC236}">
              <a16:creationId xmlns:a16="http://schemas.microsoft.com/office/drawing/2014/main" id="{5471DCBE-AC9A-4505-9AB0-1364844990CD}"/>
            </a:ext>
          </a:extLst>
        </xdr:cNvPr>
        <xdr:cNvSpPr txBox="1"/>
      </xdr:nvSpPr>
      <xdr:spPr>
        <a:xfrm>
          <a:off x="12611744" y="6765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93235</xdr:rowOff>
    </xdr:from>
    <xdr:ext cx="405111" cy="259045"/>
    <xdr:sp macro="" textlink="">
      <xdr:nvSpPr>
        <xdr:cNvPr id="538" name="n_1mainValue【認定こども園・幼稚園・保育所】&#10;有形固定資産減価償却率">
          <a:extLst>
            <a:ext uri="{FF2B5EF4-FFF2-40B4-BE49-F238E27FC236}">
              <a16:creationId xmlns:a16="http://schemas.microsoft.com/office/drawing/2014/main" id="{8A198C16-3C4A-4584-BCE5-C38733D02FE9}"/>
            </a:ext>
          </a:extLst>
        </xdr:cNvPr>
        <xdr:cNvSpPr txBox="1"/>
      </xdr:nvSpPr>
      <xdr:spPr>
        <a:xfrm>
          <a:off x="15266044" y="5922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24655</xdr:rowOff>
    </xdr:from>
    <xdr:ext cx="405111" cy="259045"/>
    <xdr:sp macro="" textlink="">
      <xdr:nvSpPr>
        <xdr:cNvPr id="539" name="n_2mainValue【認定こども園・幼稚園・保育所】&#10;有形固定資産減価償却率">
          <a:extLst>
            <a:ext uri="{FF2B5EF4-FFF2-40B4-BE49-F238E27FC236}">
              <a16:creationId xmlns:a16="http://schemas.microsoft.com/office/drawing/2014/main" id="{6C345024-11CB-4488-8BF6-BABB0AFEA271}"/>
            </a:ext>
          </a:extLst>
        </xdr:cNvPr>
        <xdr:cNvSpPr txBox="1"/>
      </xdr:nvSpPr>
      <xdr:spPr>
        <a:xfrm>
          <a:off x="14389744" y="5853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58945</xdr:rowOff>
    </xdr:from>
    <xdr:ext cx="405111" cy="259045"/>
    <xdr:sp macro="" textlink="">
      <xdr:nvSpPr>
        <xdr:cNvPr id="540" name="n_3mainValue【認定こども園・幼稚園・保育所】&#10;有形固定資産減価償却率">
          <a:extLst>
            <a:ext uri="{FF2B5EF4-FFF2-40B4-BE49-F238E27FC236}">
              <a16:creationId xmlns:a16="http://schemas.microsoft.com/office/drawing/2014/main" id="{68B3B667-2F1E-4B2D-8FED-124A5E2124FD}"/>
            </a:ext>
          </a:extLst>
        </xdr:cNvPr>
        <xdr:cNvSpPr txBox="1"/>
      </xdr:nvSpPr>
      <xdr:spPr>
        <a:xfrm>
          <a:off x="13500744" y="5716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2</xdr:row>
      <xdr:rowOff>104665</xdr:rowOff>
    </xdr:from>
    <xdr:ext cx="405111" cy="259045"/>
    <xdr:sp macro="" textlink="">
      <xdr:nvSpPr>
        <xdr:cNvPr id="541" name="n_4mainValue【認定こども園・幼稚園・保育所】&#10;有形固定資産減価償却率">
          <a:extLst>
            <a:ext uri="{FF2B5EF4-FFF2-40B4-BE49-F238E27FC236}">
              <a16:creationId xmlns:a16="http://schemas.microsoft.com/office/drawing/2014/main" id="{666A2B5F-87EE-48E1-A3DE-06B531C50974}"/>
            </a:ext>
          </a:extLst>
        </xdr:cNvPr>
        <xdr:cNvSpPr txBox="1"/>
      </xdr:nvSpPr>
      <xdr:spPr>
        <a:xfrm>
          <a:off x="12611744" y="55910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2" name="正方形/長方形 541">
          <a:extLst>
            <a:ext uri="{FF2B5EF4-FFF2-40B4-BE49-F238E27FC236}">
              <a16:creationId xmlns:a16="http://schemas.microsoft.com/office/drawing/2014/main" id="{574FDE95-9622-49D2-A94C-A3331776095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3" name="正方形/長方形 542">
          <a:extLst>
            <a:ext uri="{FF2B5EF4-FFF2-40B4-BE49-F238E27FC236}">
              <a16:creationId xmlns:a16="http://schemas.microsoft.com/office/drawing/2014/main" id="{AFEE0F82-0E9C-4FAD-BA37-D655F88F6D1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4" name="正方形/長方形 543">
          <a:extLst>
            <a:ext uri="{FF2B5EF4-FFF2-40B4-BE49-F238E27FC236}">
              <a16:creationId xmlns:a16="http://schemas.microsoft.com/office/drawing/2014/main" id="{CAAA4B40-CFE8-496A-958C-1F92E58D078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5" name="正方形/長方形 544">
          <a:extLst>
            <a:ext uri="{FF2B5EF4-FFF2-40B4-BE49-F238E27FC236}">
              <a16:creationId xmlns:a16="http://schemas.microsoft.com/office/drawing/2014/main" id="{DAE7294B-86F9-4B8B-8806-512240295E75}"/>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6" name="正方形/長方形 545">
          <a:extLst>
            <a:ext uri="{FF2B5EF4-FFF2-40B4-BE49-F238E27FC236}">
              <a16:creationId xmlns:a16="http://schemas.microsoft.com/office/drawing/2014/main" id="{B9351214-4FAF-46CD-B5F0-D26FCF79AB91}"/>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7" name="正方形/長方形 546">
          <a:extLst>
            <a:ext uri="{FF2B5EF4-FFF2-40B4-BE49-F238E27FC236}">
              <a16:creationId xmlns:a16="http://schemas.microsoft.com/office/drawing/2014/main" id="{D9CEC22C-7ACC-48B1-9308-DD9D07823124}"/>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8" name="正方形/長方形 547">
          <a:extLst>
            <a:ext uri="{FF2B5EF4-FFF2-40B4-BE49-F238E27FC236}">
              <a16:creationId xmlns:a16="http://schemas.microsoft.com/office/drawing/2014/main" id="{93834998-6F90-4B99-BC0C-AD6CF69AA203}"/>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49" name="正方形/長方形 548">
          <a:extLst>
            <a:ext uri="{FF2B5EF4-FFF2-40B4-BE49-F238E27FC236}">
              <a16:creationId xmlns:a16="http://schemas.microsoft.com/office/drawing/2014/main" id="{DF678637-2ECE-4AC4-8BEB-7865033D3F19}"/>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0" name="テキスト ボックス 549">
          <a:extLst>
            <a:ext uri="{FF2B5EF4-FFF2-40B4-BE49-F238E27FC236}">
              <a16:creationId xmlns:a16="http://schemas.microsoft.com/office/drawing/2014/main" id="{A515426E-9A9F-4C9D-A7C0-41416F065FF8}"/>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1" name="直線コネクタ 550">
          <a:extLst>
            <a:ext uri="{FF2B5EF4-FFF2-40B4-BE49-F238E27FC236}">
              <a16:creationId xmlns:a16="http://schemas.microsoft.com/office/drawing/2014/main" id="{EF573E13-D2F2-4A65-BE1D-7A52B9BDD55B}"/>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2" name="直線コネクタ 551">
          <a:extLst>
            <a:ext uri="{FF2B5EF4-FFF2-40B4-BE49-F238E27FC236}">
              <a16:creationId xmlns:a16="http://schemas.microsoft.com/office/drawing/2014/main" id="{5B7CABD1-ACE9-464D-B189-292BC4590F5F}"/>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3" name="テキスト ボックス 552">
          <a:extLst>
            <a:ext uri="{FF2B5EF4-FFF2-40B4-BE49-F238E27FC236}">
              <a16:creationId xmlns:a16="http://schemas.microsoft.com/office/drawing/2014/main" id="{2C7ADCE0-BC5F-4D70-B757-6B0BBF29B4BB}"/>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54" name="直線コネクタ 553">
          <a:extLst>
            <a:ext uri="{FF2B5EF4-FFF2-40B4-BE49-F238E27FC236}">
              <a16:creationId xmlns:a16="http://schemas.microsoft.com/office/drawing/2014/main" id="{0AF5D418-8514-4AE7-B2AB-4BF3961E9E2C}"/>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55" name="テキスト ボックス 554">
          <a:extLst>
            <a:ext uri="{FF2B5EF4-FFF2-40B4-BE49-F238E27FC236}">
              <a16:creationId xmlns:a16="http://schemas.microsoft.com/office/drawing/2014/main" id="{5ABE9648-FCDE-4625-B19A-6EE5237E5FBB}"/>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56" name="直線コネクタ 555">
          <a:extLst>
            <a:ext uri="{FF2B5EF4-FFF2-40B4-BE49-F238E27FC236}">
              <a16:creationId xmlns:a16="http://schemas.microsoft.com/office/drawing/2014/main" id="{CAB2F1AF-A421-41E1-AF62-761C94E3A7C2}"/>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57" name="テキスト ボックス 556">
          <a:extLst>
            <a:ext uri="{FF2B5EF4-FFF2-40B4-BE49-F238E27FC236}">
              <a16:creationId xmlns:a16="http://schemas.microsoft.com/office/drawing/2014/main" id="{D6F23AD0-6BCD-41DE-B32D-20628AA883B3}"/>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58" name="直線コネクタ 557">
          <a:extLst>
            <a:ext uri="{FF2B5EF4-FFF2-40B4-BE49-F238E27FC236}">
              <a16:creationId xmlns:a16="http://schemas.microsoft.com/office/drawing/2014/main" id="{52C77273-59E5-470E-AA93-9AA030246D34}"/>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59" name="テキスト ボックス 558">
          <a:extLst>
            <a:ext uri="{FF2B5EF4-FFF2-40B4-BE49-F238E27FC236}">
              <a16:creationId xmlns:a16="http://schemas.microsoft.com/office/drawing/2014/main" id="{33415DBC-7454-4198-B762-C3BB8CAE8B25}"/>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0" name="直線コネクタ 559">
          <a:extLst>
            <a:ext uri="{FF2B5EF4-FFF2-40B4-BE49-F238E27FC236}">
              <a16:creationId xmlns:a16="http://schemas.microsoft.com/office/drawing/2014/main" id="{01C48432-C82B-4092-A8EA-A3E7DBA5E543}"/>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1" name="テキスト ボックス 560">
          <a:extLst>
            <a:ext uri="{FF2B5EF4-FFF2-40B4-BE49-F238E27FC236}">
              <a16:creationId xmlns:a16="http://schemas.microsoft.com/office/drawing/2014/main" id="{D11CDC08-3E12-4A03-89EE-0B4D7821CB3E}"/>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2" name="【認定こども園・幼稚園・保育所】&#10;一人当たり面積グラフ枠">
          <a:extLst>
            <a:ext uri="{FF2B5EF4-FFF2-40B4-BE49-F238E27FC236}">
              <a16:creationId xmlns:a16="http://schemas.microsoft.com/office/drawing/2014/main" id="{32D380B6-FDB5-42CF-9F07-7E0F302D9D36}"/>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2494</xdr:rowOff>
    </xdr:from>
    <xdr:to>
      <xdr:col>116</xdr:col>
      <xdr:colOff>62864</xdr:colOff>
      <xdr:row>41</xdr:row>
      <xdr:rowOff>78486</xdr:rowOff>
    </xdr:to>
    <xdr:cxnSp macro="">
      <xdr:nvCxnSpPr>
        <xdr:cNvPr id="563" name="直線コネクタ 562">
          <a:extLst>
            <a:ext uri="{FF2B5EF4-FFF2-40B4-BE49-F238E27FC236}">
              <a16:creationId xmlns:a16="http://schemas.microsoft.com/office/drawing/2014/main" id="{E2A7C33A-8BC5-45D0-AC5C-523DF8FEE690}"/>
            </a:ext>
          </a:extLst>
        </xdr:cNvPr>
        <xdr:cNvCxnSpPr/>
      </xdr:nvCxnSpPr>
      <xdr:spPr>
        <a:xfrm flipV="1">
          <a:off x="22160864" y="5800344"/>
          <a:ext cx="0" cy="1307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64" name="【認定こども園・幼稚園・保育所】&#10;一人当たり面積最小値テキスト">
          <a:extLst>
            <a:ext uri="{FF2B5EF4-FFF2-40B4-BE49-F238E27FC236}">
              <a16:creationId xmlns:a16="http://schemas.microsoft.com/office/drawing/2014/main" id="{36716F60-316F-4E13-A600-507F9F99A030}"/>
            </a:ext>
          </a:extLst>
        </xdr:cNvPr>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65" name="直線コネクタ 564">
          <a:extLst>
            <a:ext uri="{FF2B5EF4-FFF2-40B4-BE49-F238E27FC236}">
              <a16:creationId xmlns:a16="http://schemas.microsoft.com/office/drawing/2014/main" id="{FE7139BD-6C0A-4A25-8AD6-EC5B4EE04C34}"/>
            </a:ext>
          </a:extLst>
        </xdr:cNvPr>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89171</xdr:rowOff>
    </xdr:from>
    <xdr:ext cx="469744" cy="259045"/>
    <xdr:sp macro="" textlink="">
      <xdr:nvSpPr>
        <xdr:cNvPr id="566" name="【認定こども園・幼稚園・保育所】&#10;一人当たり面積最大値テキスト">
          <a:extLst>
            <a:ext uri="{FF2B5EF4-FFF2-40B4-BE49-F238E27FC236}">
              <a16:creationId xmlns:a16="http://schemas.microsoft.com/office/drawing/2014/main" id="{D521E4E4-1FC5-4CE9-B7E7-161A5AB6F4CC}"/>
            </a:ext>
          </a:extLst>
        </xdr:cNvPr>
        <xdr:cNvSpPr txBox="1"/>
      </xdr:nvSpPr>
      <xdr:spPr>
        <a:xfrm>
          <a:off x="22199600" y="5575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2494</xdr:rowOff>
    </xdr:from>
    <xdr:to>
      <xdr:col>116</xdr:col>
      <xdr:colOff>152400</xdr:colOff>
      <xdr:row>33</xdr:row>
      <xdr:rowOff>142494</xdr:rowOff>
    </xdr:to>
    <xdr:cxnSp macro="">
      <xdr:nvCxnSpPr>
        <xdr:cNvPr id="567" name="直線コネクタ 566">
          <a:extLst>
            <a:ext uri="{FF2B5EF4-FFF2-40B4-BE49-F238E27FC236}">
              <a16:creationId xmlns:a16="http://schemas.microsoft.com/office/drawing/2014/main" id="{118849E6-DD0E-44DC-AE1D-D7ED10588DA9}"/>
            </a:ext>
          </a:extLst>
        </xdr:cNvPr>
        <xdr:cNvCxnSpPr/>
      </xdr:nvCxnSpPr>
      <xdr:spPr>
        <a:xfrm>
          <a:off x="22072600" y="5800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4863</xdr:rowOff>
    </xdr:from>
    <xdr:ext cx="469744" cy="259045"/>
    <xdr:sp macro="" textlink="">
      <xdr:nvSpPr>
        <xdr:cNvPr id="568" name="【認定こども園・幼稚園・保育所】&#10;一人当たり面積平均値テキスト">
          <a:extLst>
            <a:ext uri="{FF2B5EF4-FFF2-40B4-BE49-F238E27FC236}">
              <a16:creationId xmlns:a16="http://schemas.microsoft.com/office/drawing/2014/main" id="{62475EBF-DEA3-42BB-958C-DC70D77B8C9B}"/>
            </a:ext>
          </a:extLst>
        </xdr:cNvPr>
        <xdr:cNvSpPr txBox="1"/>
      </xdr:nvSpPr>
      <xdr:spPr>
        <a:xfrm>
          <a:off x="22199600" y="66799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1986</xdr:rowOff>
    </xdr:from>
    <xdr:to>
      <xdr:col>116</xdr:col>
      <xdr:colOff>114300</xdr:colOff>
      <xdr:row>40</xdr:row>
      <xdr:rowOff>72136</xdr:rowOff>
    </xdr:to>
    <xdr:sp macro="" textlink="">
      <xdr:nvSpPr>
        <xdr:cNvPr id="569" name="フローチャート: 判断 568">
          <a:extLst>
            <a:ext uri="{FF2B5EF4-FFF2-40B4-BE49-F238E27FC236}">
              <a16:creationId xmlns:a16="http://schemas.microsoft.com/office/drawing/2014/main" id="{CA366EE5-9428-4F78-A042-CA7F3C3877D6}"/>
            </a:ext>
          </a:extLst>
        </xdr:cNvPr>
        <xdr:cNvSpPr/>
      </xdr:nvSpPr>
      <xdr:spPr>
        <a:xfrm>
          <a:off x="22110700" y="6828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1130</xdr:rowOff>
    </xdr:from>
    <xdr:to>
      <xdr:col>112</xdr:col>
      <xdr:colOff>38100</xdr:colOff>
      <xdr:row>40</xdr:row>
      <xdr:rowOff>81280</xdr:rowOff>
    </xdr:to>
    <xdr:sp macro="" textlink="">
      <xdr:nvSpPr>
        <xdr:cNvPr id="570" name="フローチャート: 判断 569">
          <a:extLst>
            <a:ext uri="{FF2B5EF4-FFF2-40B4-BE49-F238E27FC236}">
              <a16:creationId xmlns:a16="http://schemas.microsoft.com/office/drawing/2014/main" id="{678A4149-9E92-4868-A14B-0D3EA1010EE4}"/>
            </a:ext>
          </a:extLst>
        </xdr:cNvPr>
        <xdr:cNvSpPr/>
      </xdr:nvSpPr>
      <xdr:spPr>
        <a:xfrm>
          <a:off x="212725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46558</xdr:rowOff>
    </xdr:from>
    <xdr:to>
      <xdr:col>107</xdr:col>
      <xdr:colOff>101600</xdr:colOff>
      <xdr:row>40</xdr:row>
      <xdr:rowOff>76708</xdr:rowOff>
    </xdr:to>
    <xdr:sp macro="" textlink="">
      <xdr:nvSpPr>
        <xdr:cNvPr id="571" name="フローチャート: 判断 570">
          <a:extLst>
            <a:ext uri="{FF2B5EF4-FFF2-40B4-BE49-F238E27FC236}">
              <a16:creationId xmlns:a16="http://schemas.microsoft.com/office/drawing/2014/main" id="{AC076D9E-6A8D-4FB3-AA93-A9C4DD2F5FAE}"/>
            </a:ext>
          </a:extLst>
        </xdr:cNvPr>
        <xdr:cNvSpPr/>
      </xdr:nvSpPr>
      <xdr:spPr>
        <a:xfrm>
          <a:off x="20383500" y="683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60274</xdr:rowOff>
    </xdr:from>
    <xdr:to>
      <xdr:col>102</xdr:col>
      <xdr:colOff>165100</xdr:colOff>
      <xdr:row>40</xdr:row>
      <xdr:rowOff>90424</xdr:rowOff>
    </xdr:to>
    <xdr:sp macro="" textlink="">
      <xdr:nvSpPr>
        <xdr:cNvPr id="572" name="フローチャート: 判断 571">
          <a:extLst>
            <a:ext uri="{FF2B5EF4-FFF2-40B4-BE49-F238E27FC236}">
              <a16:creationId xmlns:a16="http://schemas.microsoft.com/office/drawing/2014/main" id="{4A050FBD-EFF8-4FBD-B943-1A3BFF6FF39E}"/>
            </a:ext>
          </a:extLst>
        </xdr:cNvPr>
        <xdr:cNvSpPr/>
      </xdr:nvSpPr>
      <xdr:spPr>
        <a:xfrm>
          <a:off x="19494500" y="6846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51130</xdr:rowOff>
    </xdr:from>
    <xdr:to>
      <xdr:col>98</xdr:col>
      <xdr:colOff>38100</xdr:colOff>
      <xdr:row>40</xdr:row>
      <xdr:rowOff>81280</xdr:rowOff>
    </xdr:to>
    <xdr:sp macro="" textlink="">
      <xdr:nvSpPr>
        <xdr:cNvPr id="573" name="フローチャート: 判断 572">
          <a:extLst>
            <a:ext uri="{FF2B5EF4-FFF2-40B4-BE49-F238E27FC236}">
              <a16:creationId xmlns:a16="http://schemas.microsoft.com/office/drawing/2014/main" id="{68D92161-EB48-43E5-97C2-447F3A08E62D}"/>
            </a:ext>
          </a:extLst>
        </xdr:cNvPr>
        <xdr:cNvSpPr/>
      </xdr:nvSpPr>
      <xdr:spPr>
        <a:xfrm>
          <a:off x="186055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4" name="テキスト ボックス 573">
          <a:extLst>
            <a:ext uri="{FF2B5EF4-FFF2-40B4-BE49-F238E27FC236}">
              <a16:creationId xmlns:a16="http://schemas.microsoft.com/office/drawing/2014/main" id="{C5FCC1C7-0B73-4396-A811-64EA83FEE855}"/>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5" name="テキスト ボックス 574">
          <a:extLst>
            <a:ext uri="{FF2B5EF4-FFF2-40B4-BE49-F238E27FC236}">
              <a16:creationId xmlns:a16="http://schemas.microsoft.com/office/drawing/2014/main" id="{E1F68F28-7442-4BBA-820F-5762794CF59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6" name="テキスト ボックス 575">
          <a:extLst>
            <a:ext uri="{FF2B5EF4-FFF2-40B4-BE49-F238E27FC236}">
              <a16:creationId xmlns:a16="http://schemas.microsoft.com/office/drawing/2014/main" id="{103C60A4-53A2-49FE-9C50-FD74C206ECD8}"/>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77" name="テキスト ボックス 576">
          <a:extLst>
            <a:ext uri="{FF2B5EF4-FFF2-40B4-BE49-F238E27FC236}">
              <a16:creationId xmlns:a16="http://schemas.microsoft.com/office/drawing/2014/main" id="{7BA74E78-734A-4C6F-8DEF-ED477BD85FE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78" name="テキスト ボックス 577">
          <a:extLst>
            <a:ext uri="{FF2B5EF4-FFF2-40B4-BE49-F238E27FC236}">
              <a16:creationId xmlns:a16="http://schemas.microsoft.com/office/drawing/2014/main" id="{F80061C6-CD31-40E1-AAC5-2BB9D6596B8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0556</xdr:rowOff>
    </xdr:from>
    <xdr:to>
      <xdr:col>116</xdr:col>
      <xdr:colOff>114300</xdr:colOff>
      <xdr:row>41</xdr:row>
      <xdr:rowOff>60706</xdr:rowOff>
    </xdr:to>
    <xdr:sp macro="" textlink="">
      <xdr:nvSpPr>
        <xdr:cNvPr id="579" name="楕円 578">
          <a:extLst>
            <a:ext uri="{FF2B5EF4-FFF2-40B4-BE49-F238E27FC236}">
              <a16:creationId xmlns:a16="http://schemas.microsoft.com/office/drawing/2014/main" id="{83D0DD89-2C9D-4F00-87CD-6F83D74DDB34}"/>
            </a:ext>
          </a:extLst>
        </xdr:cNvPr>
        <xdr:cNvSpPr/>
      </xdr:nvSpPr>
      <xdr:spPr>
        <a:xfrm>
          <a:off x="22110700" y="698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45483</xdr:rowOff>
    </xdr:from>
    <xdr:ext cx="469744" cy="259045"/>
    <xdr:sp macro="" textlink="">
      <xdr:nvSpPr>
        <xdr:cNvPr id="580" name="【認定こども園・幼稚園・保育所】&#10;一人当たり面積該当値テキスト">
          <a:extLst>
            <a:ext uri="{FF2B5EF4-FFF2-40B4-BE49-F238E27FC236}">
              <a16:creationId xmlns:a16="http://schemas.microsoft.com/office/drawing/2014/main" id="{95D0F85D-2098-43D2-880C-C0D399678D6A}"/>
            </a:ext>
          </a:extLst>
        </xdr:cNvPr>
        <xdr:cNvSpPr txBox="1"/>
      </xdr:nvSpPr>
      <xdr:spPr>
        <a:xfrm>
          <a:off x="22199600" y="6903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0556</xdr:rowOff>
    </xdr:from>
    <xdr:to>
      <xdr:col>112</xdr:col>
      <xdr:colOff>38100</xdr:colOff>
      <xdr:row>41</xdr:row>
      <xdr:rowOff>60706</xdr:rowOff>
    </xdr:to>
    <xdr:sp macro="" textlink="">
      <xdr:nvSpPr>
        <xdr:cNvPr id="581" name="楕円 580">
          <a:extLst>
            <a:ext uri="{FF2B5EF4-FFF2-40B4-BE49-F238E27FC236}">
              <a16:creationId xmlns:a16="http://schemas.microsoft.com/office/drawing/2014/main" id="{E8492B1A-1AFD-432A-AE51-A9C2B8E642C6}"/>
            </a:ext>
          </a:extLst>
        </xdr:cNvPr>
        <xdr:cNvSpPr/>
      </xdr:nvSpPr>
      <xdr:spPr>
        <a:xfrm>
          <a:off x="21272500" y="698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9906</xdr:rowOff>
    </xdr:from>
    <xdr:to>
      <xdr:col>116</xdr:col>
      <xdr:colOff>63500</xdr:colOff>
      <xdr:row>41</xdr:row>
      <xdr:rowOff>9906</xdr:rowOff>
    </xdr:to>
    <xdr:cxnSp macro="">
      <xdr:nvCxnSpPr>
        <xdr:cNvPr id="582" name="直線コネクタ 581">
          <a:extLst>
            <a:ext uri="{FF2B5EF4-FFF2-40B4-BE49-F238E27FC236}">
              <a16:creationId xmlns:a16="http://schemas.microsoft.com/office/drawing/2014/main" id="{A9E64120-54F1-4018-9AFF-EA011A004E0F}"/>
            </a:ext>
          </a:extLst>
        </xdr:cNvPr>
        <xdr:cNvCxnSpPr/>
      </xdr:nvCxnSpPr>
      <xdr:spPr>
        <a:xfrm>
          <a:off x="21323300" y="703935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0556</xdr:rowOff>
    </xdr:from>
    <xdr:to>
      <xdr:col>107</xdr:col>
      <xdr:colOff>101600</xdr:colOff>
      <xdr:row>41</xdr:row>
      <xdr:rowOff>60706</xdr:rowOff>
    </xdr:to>
    <xdr:sp macro="" textlink="">
      <xdr:nvSpPr>
        <xdr:cNvPr id="583" name="楕円 582">
          <a:extLst>
            <a:ext uri="{FF2B5EF4-FFF2-40B4-BE49-F238E27FC236}">
              <a16:creationId xmlns:a16="http://schemas.microsoft.com/office/drawing/2014/main" id="{BB16A963-6422-409B-8F6F-18D582761FE1}"/>
            </a:ext>
          </a:extLst>
        </xdr:cNvPr>
        <xdr:cNvSpPr/>
      </xdr:nvSpPr>
      <xdr:spPr>
        <a:xfrm>
          <a:off x="20383500" y="698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9906</xdr:rowOff>
    </xdr:from>
    <xdr:to>
      <xdr:col>111</xdr:col>
      <xdr:colOff>177800</xdr:colOff>
      <xdr:row>41</xdr:row>
      <xdr:rowOff>9906</xdr:rowOff>
    </xdr:to>
    <xdr:cxnSp macro="">
      <xdr:nvCxnSpPr>
        <xdr:cNvPr id="584" name="直線コネクタ 583">
          <a:extLst>
            <a:ext uri="{FF2B5EF4-FFF2-40B4-BE49-F238E27FC236}">
              <a16:creationId xmlns:a16="http://schemas.microsoft.com/office/drawing/2014/main" id="{7FFB51E9-7BD1-449C-B469-BEA2B392D548}"/>
            </a:ext>
          </a:extLst>
        </xdr:cNvPr>
        <xdr:cNvCxnSpPr/>
      </xdr:nvCxnSpPr>
      <xdr:spPr>
        <a:xfrm>
          <a:off x="20434300" y="70393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57404</xdr:rowOff>
    </xdr:from>
    <xdr:to>
      <xdr:col>102</xdr:col>
      <xdr:colOff>165100</xdr:colOff>
      <xdr:row>40</xdr:row>
      <xdr:rowOff>159004</xdr:rowOff>
    </xdr:to>
    <xdr:sp macro="" textlink="">
      <xdr:nvSpPr>
        <xdr:cNvPr id="585" name="楕円 584">
          <a:extLst>
            <a:ext uri="{FF2B5EF4-FFF2-40B4-BE49-F238E27FC236}">
              <a16:creationId xmlns:a16="http://schemas.microsoft.com/office/drawing/2014/main" id="{B9272909-FCA1-4C48-9548-E13DB307B674}"/>
            </a:ext>
          </a:extLst>
        </xdr:cNvPr>
        <xdr:cNvSpPr/>
      </xdr:nvSpPr>
      <xdr:spPr>
        <a:xfrm>
          <a:off x="19494500" y="691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08204</xdr:rowOff>
    </xdr:from>
    <xdr:to>
      <xdr:col>107</xdr:col>
      <xdr:colOff>50800</xdr:colOff>
      <xdr:row>41</xdr:row>
      <xdr:rowOff>9906</xdr:rowOff>
    </xdr:to>
    <xdr:cxnSp macro="">
      <xdr:nvCxnSpPr>
        <xdr:cNvPr id="586" name="直線コネクタ 585">
          <a:extLst>
            <a:ext uri="{FF2B5EF4-FFF2-40B4-BE49-F238E27FC236}">
              <a16:creationId xmlns:a16="http://schemas.microsoft.com/office/drawing/2014/main" id="{C9307771-85CC-433B-A61B-67E9E3661F1A}"/>
            </a:ext>
          </a:extLst>
        </xdr:cNvPr>
        <xdr:cNvCxnSpPr/>
      </xdr:nvCxnSpPr>
      <xdr:spPr>
        <a:xfrm>
          <a:off x="19545300" y="6966204"/>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80264</xdr:rowOff>
    </xdr:from>
    <xdr:to>
      <xdr:col>98</xdr:col>
      <xdr:colOff>38100</xdr:colOff>
      <xdr:row>41</xdr:row>
      <xdr:rowOff>10414</xdr:rowOff>
    </xdr:to>
    <xdr:sp macro="" textlink="">
      <xdr:nvSpPr>
        <xdr:cNvPr id="587" name="楕円 586">
          <a:extLst>
            <a:ext uri="{FF2B5EF4-FFF2-40B4-BE49-F238E27FC236}">
              <a16:creationId xmlns:a16="http://schemas.microsoft.com/office/drawing/2014/main" id="{AAB5969B-A0D3-4071-BEB2-B10C2B4FAD9F}"/>
            </a:ext>
          </a:extLst>
        </xdr:cNvPr>
        <xdr:cNvSpPr/>
      </xdr:nvSpPr>
      <xdr:spPr>
        <a:xfrm>
          <a:off x="18605500" y="6938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08204</xdr:rowOff>
    </xdr:from>
    <xdr:to>
      <xdr:col>102</xdr:col>
      <xdr:colOff>114300</xdr:colOff>
      <xdr:row>40</xdr:row>
      <xdr:rowOff>131064</xdr:rowOff>
    </xdr:to>
    <xdr:cxnSp macro="">
      <xdr:nvCxnSpPr>
        <xdr:cNvPr id="588" name="直線コネクタ 587">
          <a:extLst>
            <a:ext uri="{FF2B5EF4-FFF2-40B4-BE49-F238E27FC236}">
              <a16:creationId xmlns:a16="http://schemas.microsoft.com/office/drawing/2014/main" id="{A56FC654-2F4C-4733-BD3F-157A875DBC00}"/>
            </a:ext>
          </a:extLst>
        </xdr:cNvPr>
        <xdr:cNvCxnSpPr/>
      </xdr:nvCxnSpPr>
      <xdr:spPr>
        <a:xfrm flipV="1">
          <a:off x="18656300" y="696620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7807</xdr:rowOff>
    </xdr:from>
    <xdr:ext cx="469744" cy="259045"/>
    <xdr:sp macro="" textlink="">
      <xdr:nvSpPr>
        <xdr:cNvPr id="589" name="n_1aveValue【認定こども園・幼稚園・保育所】&#10;一人当たり面積">
          <a:extLst>
            <a:ext uri="{FF2B5EF4-FFF2-40B4-BE49-F238E27FC236}">
              <a16:creationId xmlns:a16="http://schemas.microsoft.com/office/drawing/2014/main" id="{92910B58-DB8E-4575-AF19-8F71CF1D038C}"/>
            </a:ext>
          </a:extLst>
        </xdr:cNvPr>
        <xdr:cNvSpPr txBox="1"/>
      </xdr:nvSpPr>
      <xdr:spPr>
        <a:xfrm>
          <a:off x="21075727" y="661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93235</xdr:rowOff>
    </xdr:from>
    <xdr:ext cx="469744" cy="259045"/>
    <xdr:sp macro="" textlink="">
      <xdr:nvSpPr>
        <xdr:cNvPr id="590" name="n_2aveValue【認定こども園・幼稚園・保育所】&#10;一人当たり面積">
          <a:extLst>
            <a:ext uri="{FF2B5EF4-FFF2-40B4-BE49-F238E27FC236}">
              <a16:creationId xmlns:a16="http://schemas.microsoft.com/office/drawing/2014/main" id="{63015C10-7935-4987-B347-B0D16C44A6DE}"/>
            </a:ext>
          </a:extLst>
        </xdr:cNvPr>
        <xdr:cNvSpPr txBox="1"/>
      </xdr:nvSpPr>
      <xdr:spPr>
        <a:xfrm>
          <a:off x="20199427" y="6608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06951</xdr:rowOff>
    </xdr:from>
    <xdr:ext cx="469744" cy="259045"/>
    <xdr:sp macro="" textlink="">
      <xdr:nvSpPr>
        <xdr:cNvPr id="591" name="n_3aveValue【認定こども園・幼稚園・保育所】&#10;一人当たり面積">
          <a:extLst>
            <a:ext uri="{FF2B5EF4-FFF2-40B4-BE49-F238E27FC236}">
              <a16:creationId xmlns:a16="http://schemas.microsoft.com/office/drawing/2014/main" id="{59EA81E4-17AF-4EBA-A945-B984B47D7A18}"/>
            </a:ext>
          </a:extLst>
        </xdr:cNvPr>
        <xdr:cNvSpPr txBox="1"/>
      </xdr:nvSpPr>
      <xdr:spPr>
        <a:xfrm>
          <a:off x="19310427" y="6622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97807</xdr:rowOff>
    </xdr:from>
    <xdr:ext cx="469744" cy="259045"/>
    <xdr:sp macro="" textlink="">
      <xdr:nvSpPr>
        <xdr:cNvPr id="592" name="n_4aveValue【認定こども園・幼稚園・保育所】&#10;一人当たり面積">
          <a:extLst>
            <a:ext uri="{FF2B5EF4-FFF2-40B4-BE49-F238E27FC236}">
              <a16:creationId xmlns:a16="http://schemas.microsoft.com/office/drawing/2014/main" id="{7B4EFE4B-29D4-4D6F-963F-7636335D2946}"/>
            </a:ext>
          </a:extLst>
        </xdr:cNvPr>
        <xdr:cNvSpPr txBox="1"/>
      </xdr:nvSpPr>
      <xdr:spPr>
        <a:xfrm>
          <a:off x="18421427" y="661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51833</xdr:rowOff>
    </xdr:from>
    <xdr:ext cx="469744" cy="259045"/>
    <xdr:sp macro="" textlink="">
      <xdr:nvSpPr>
        <xdr:cNvPr id="593" name="n_1mainValue【認定こども園・幼稚園・保育所】&#10;一人当たり面積">
          <a:extLst>
            <a:ext uri="{FF2B5EF4-FFF2-40B4-BE49-F238E27FC236}">
              <a16:creationId xmlns:a16="http://schemas.microsoft.com/office/drawing/2014/main" id="{6C3E6D02-FF98-4A2E-A49B-583C0F8CBF81}"/>
            </a:ext>
          </a:extLst>
        </xdr:cNvPr>
        <xdr:cNvSpPr txBox="1"/>
      </xdr:nvSpPr>
      <xdr:spPr>
        <a:xfrm>
          <a:off x="21075727" y="708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51833</xdr:rowOff>
    </xdr:from>
    <xdr:ext cx="469744" cy="259045"/>
    <xdr:sp macro="" textlink="">
      <xdr:nvSpPr>
        <xdr:cNvPr id="594" name="n_2mainValue【認定こども園・幼稚園・保育所】&#10;一人当たり面積">
          <a:extLst>
            <a:ext uri="{FF2B5EF4-FFF2-40B4-BE49-F238E27FC236}">
              <a16:creationId xmlns:a16="http://schemas.microsoft.com/office/drawing/2014/main" id="{01684440-5242-45ED-BCDA-FA338B8957E0}"/>
            </a:ext>
          </a:extLst>
        </xdr:cNvPr>
        <xdr:cNvSpPr txBox="1"/>
      </xdr:nvSpPr>
      <xdr:spPr>
        <a:xfrm>
          <a:off x="20199427" y="708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50131</xdr:rowOff>
    </xdr:from>
    <xdr:ext cx="469744" cy="259045"/>
    <xdr:sp macro="" textlink="">
      <xdr:nvSpPr>
        <xdr:cNvPr id="595" name="n_3mainValue【認定こども園・幼稚園・保育所】&#10;一人当たり面積">
          <a:extLst>
            <a:ext uri="{FF2B5EF4-FFF2-40B4-BE49-F238E27FC236}">
              <a16:creationId xmlns:a16="http://schemas.microsoft.com/office/drawing/2014/main" id="{B4377B81-FE32-4F38-B23D-98ED8992DEE8}"/>
            </a:ext>
          </a:extLst>
        </xdr:cNvPr>
        <xdr:cNvSpPr txBox="1"/>
      </xdr:nvSpPr>
      <xdr:spPr>
        <a:xfrm>
          <a:off x="19310427" y="700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541</xdr:rowOff>
    </xdr:from>
    <xdr:ext cx="469744" cy="259045"/>
    <xdr:sp macro="" textlink="">
      <xdr:nvSpPr>
        <xdr:cNvPr id="596" name="n_4mainValue【認定こども園・幼稚園・保育所】&#10;一人当たり面積">
          <a:extLst>
            <a:ext uri="{FF2B5EF4-FFF2-40B4-BE49-F238E27FC236}">
              <a16:creationId xmlns:a16="http://schemas.microsoft.com/office/drawing/2014/main" id="{38970DDE-479A-4CED-A563-D31B5359E1E3}"/>
            </a:ext>
          </a:extLst>
        </xdr:cNvPr>
        <xdr:cNvSpPr txBox="1"/>
      </xdr:nvSpPr>
      <xdr:spPr>
        <a:xfrm>
          <a:off x="18421427" y="7030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7" name="正方形/長方形 596">
          <a:extLst>
            <a:ext uri="{FF2B5EF4-FFF2-40B4-BE49-F238E27FC236}">
              <a16:creationId xmlns:a16="http://schemas.microsoft.com/office/drawing/2014/main" id="{3EE5241D-AEFB-4800-B7CA-54CD8E8F8D92}"/>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98" name="正方形/長方形 597">
          <a:extLst>
            <a:ext uri="{FF2B5EF4-FFF2-40B4-BE49-F238E27FC236}">
              <a16:creationId xmlns:a16="http://schemas.microsoft.com/office/drawing/2014/main" id="{C52AAA93-72B2-45CA-8CE3-74DA3552F06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99" name="正方形/長方形 598">
          <a:extLst>
            <a:ext uri="{FF2B5EF4-FFF2-40B4-BE49-F238E27FC236}">
              <a16:creationId xmlns:a16="http://schemas.microsoft.com/office/drawing/2014/main" id="{14A9EA4B-3682-4682-8A85-1A1C45755A9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0" name="正方形/長方形 599">
          <a:extLst>
            <a:ext uri="{FF2B5EF4-FFF2-40B4-BE49-F238E27FC236}">
              <a16:creationId xmlns:a16="http://schemas.microsoft.com/office/drawing/2014/main" id="{552EC046-F172-4902-B714-FB3E20E8F1AA}"/>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1" name="正方形/長方形 600">
          <a:extLst>
            <a:ext uri="{FF2B5EF4-FFF2-40B4-BE49-F238E27FC236}">
              <a16:creationId xmlns:a16="http://schemas.microsoft.com/office/drawing/2014/main" id="{1B9FBA40-B927-4EEF-9789-87CCC2CB99D3}"/>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2" name="正方形/長方形 601">
          <a:extLst>
            <a:ext uri="{FF2B5EF4-FFF2-40B4-BE49-F238E27FC236}">
              <a16:creationId xmlns:a16="http://schemas.microsoft.com/office/drawing/2014/main" id="{BC08A0B8-24F1-4D1E-B728-7986823A4748}"/>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3" name="正方形/長方形 602">
          <a:extLst>
            <a:ext uri="{FF2B5EF4-FFF2-40B4-BE49-F238E27FC236}">
              <a16:creationId xmlns:a16="http://schemas.microsoft.com/office/drawing/2014/main" id="{95075E27-76C8-48E3-8BE8-3E066C5D32DC}"/>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4" name="正方形/長方形 603">
          <a:extLst>
            <a:ext uri="{FF2B5EF4-FFF2-40B4-BE49-F238E27FC236}">
              <a16:creationId xmlns:a16="http://schemas.microsoft.com/office/drawing/2014/main" id="{9C8DE3C9-9E60-4465-BCF0-5DFF987DEA1E}"/>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5" name="テキスト ボックス 604">
          <a:extLst>
            <a:ext uri="{FF2B5EF4-FFF2-40B4-BE49-F238E27FC236}">
              <a16:creationId xmlns:a16="http://schemas.microsoft.com/office/drawing/2014/main" id="{1D455979-3CF1-4D7F-A1EB-23C8E9B4B22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6" name="直線コネクタ 605">
          <a:extLst>
            <a:ext uri="{FF2B5EF4-FFF2-40B4-BE49-F238E27FC236}">
              <a16:creationId xmlns:a16="http://schemas.microsoft.com/office/drawing/2014/main" id="{E351F210-CEEA-41FB-8572-899FAF618224}"/>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07" name="テキスト ボックス 606">
          <a:extLst>
            <a:ext uri="{FF2B5EF4-FFF2-40B4-BE49-F238E27FC236}">
              <a16:creationId xmlns:a16="http://schemas.microsoft.com/office/drawing/2014/main" id="{1264D4C8-B1A4-4C1D-9F42-D61F48123B34}"/>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08" name="直線コネクタ 607">
          <a:extLst>
            <a:ext uri="{FF2B5EF4-FFF2-40B4-BE49-F238E27FC236}">
              <a16:creationId xmlns:a16="http://schemas.microsoft.com/office/drawing/2014/main" id="{42079DF4-0C4C-4F9E-8B93-E841B4CCB02F}"/>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609" name="テキスト ボックス 608">
          <a:extLst>
            <a:ext uri="{FF2B5EF4-FFF2-40B4-BE49-F238E27FC236}">
              <a16:creationId xmlns:a16="http://schemas.microsoft.com/office/drawing/2014/main" id="{7DF486FF-0AE7-4BFC-AEB1-4C097F1ACBBA}"/>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0" name="直線コネクタ 609">
          <a:extLst>
            <a:ext uri="{FF2B5EF4-FFF2-40B4-BE49-F238E27FC236}">
              <a16:creationId xmlns:a16="http://schemas.microsoft.com/office/drawing/2014/main" id="{C46D7E43-6C59-4FF7-9396-CD81C06A1067}"/>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1" name="テキスト ボックス 610">
          <a:extLst>
            <a:ext uri="{FF2B5EF4-FFF2-40B4-BE49-F238E27FC236}">
              <a16:creationId xmlns:a16="http://schemas.microsoft.com/office/drawing/2014/main" id="{A091B0CC-A498-4A21-BD26-1F7D72661454}"/>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2" name="直線コネクタ 611">
          <a:extLst>
            <a:ext uri="{FF2B5EF4-FFF2-40B4-BE49-F238E27FC236}">
              <a16:creationId xmlns:a16="http://schemas.microsoft.com/office/drawing/2014/main" id="{26CCF45F-7B18-412E-8493-0518949FF6E6}"/>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3" name="テキスト ボックス 612">
          <a:extLst>
            <a:ext uri="{FF2B5EF4-FFF2-40B4-BE49-F238E27FC236}">
              <a16:creationId xmlns:a16="http://schemas.microsoft.com/office/drawing/2014/main" id="{35830E78-0BA5-4E3F-A829-27231FF8F526}"/>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4" name="直線コネクタ 613">
          <a:extLst>
            <a:ext uri="{FF2B5EF4-FFF2-40B4-BE49-F238E27FC236}">
              <a16:creationId xmlns:a16="http://schemas.microsoft.com/office/drawing/2014/main" id="{60D70504-4AD5-4F7C-A6FF-80A5B45E8BF7}"/>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15" name="テキスト ボックス 614">
          <a:extLst>
            <a:ext uri="{FF2B5EF4-FFF2-40B4-BE49-F238E27FC236}">
              <a16:creationId xmlns:a16="http://schemas.microsoft.com/office/drawing/2014/main" id="{173FA917-67D9-47DD-B47E-6EDB8D25DAD1}"/>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16" name="直線コネクタ 615">
          <a:extLst>
            <a:ext uri="{FF2B5EF4-FFF2-40B4-BE49-F238E27FC236}">
              <a16:creationId xmlns:a16="http://schemas.microsoft.com/office/drawing/2014/main" id="{1ED73E5C-82FE-4D85-B894-6557040C605E}"/>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17" name="テキスト ボックス 616">
          <a:extLst>
            <a:ext uri="{FF2B5EF4-FFF2-40B4-BE49-F238E27FC236}">
              <a16:creationId xmlns:a16="http://schemas.microsoft.com/office/drawing/2014/main" id="{90CFEA50-2C82-40B1-B520-58A8D10957DF}"/>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18" name="【学校施設】&#10;有形固定資産減価償却率グラフ枠">
          <a:extLst>
            <a:ext uri="{FF2B5EF4-FFF2-40B4-BE49-F238E27FC236}">
              <a16:creationId xmlns:a16="http://schemas.microsoft.com/office/drawing/2014/main" id="{71E70285-8F83-466B-AC91-16D23EBB306F}"/>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9446</xdr:rowOff>
    </xdr:from>
    <xdr:to>
      <xdr:col>85</xdr:col>
      <xdr:colOff>126364</xdr:colOff>
      <xdr:row>62</xdr:row>
      <xdr:rowOff>144018</xdr:rowOff>
    </xdr:to>
    <xdr:cxnSp macro="">
      <xdr:nvCxnSpPr>
        <xdr:cNvPr id="619" name="直線コネクタ 618">
          <a:extLst>
            <a:ext uri="{FF2B5EF4-FFF2-40B4-BE49-F238E27FC236}">
              <a16:creationId xmlns:a16="http://schemas.microsoft.com/office/drawing/2014/main" id="{EADC22E8-A0B8-49EB-B03C-82B7EE78444C}"/>
            </a:ext>
          </a:extLst>
        </xdr:cNvPr>
        <xdr:cNvCxnSpPr/>
      </xdr:nvCxnSpPr>
      <xdr:spPr>
        <a:xfrm flipV="1">
          <a:off x="16318864" y="9569196"/>
          <a:ext cx="0" cy="120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47845</xdr:rowOff>
    </xdr:from>
    <xdr:ext cx="405111" cy="259045"/>
    <xdr:sp macro="" textlink="">
      <xdr:nvSpPr>
        <xdr:cNvPr id="620" name="【学校施設】&#10;有形固定資産減価償却率最小値テキスト">
          <a:extLst>
            <a:ext uri="{FF2B5EF4-FFF2-40B4-BE49-F238E27FC236}">
              <a16:creationId xmlns:a16="http://schemas.microsoft.com/office/drawing/2014/main" id="{D42E8FF7-85F9-44FF-BA62-BC7FEBED98A6}"/>
            </a:ext>
          </a:extLst>
        </xdr:cNvPr>
        <xdr:cNvSpPr txBox="1"/>
      </xdr:nvSpPr>
      <xdr:spPr>
        <a:xfrm>
          <a:off x="16357600" y="1077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44018</xdr:rowOff>
    </xdr:from>
    <xdr:to>
      <xdr:col>86</xdr:col>
      <xdr:colOff>25400</xdr:colOff>
      <xdr:row>62</xdr:row>
      <xdr:rowOff>144018</xdr:rowOff>
    </xdr:to>
    <xdr:cxnSp macro="">
      <xdr:nvCxnSpPr>
        <xdr:cNvPr id="621" name="直線コネクタ 620">
          <a:extLst>
            <a:ext uri="{FF2B5EF4-FFF2-40B4-BE49-F238E27FC236}">
              <a16:creationId xmlns:a16="http://schemas.microsoft.com/office/drawing/2014/main" id="{99859CC1-7088-40F1-8F66-5262006EB40E}"/>
            </a:ext>
          </a:extLst>
        </xdr:cNvPr>
        <xdr:cNvCxnSpPr/>
      </xdr:nvCxnSpPr>
      <xdr:spPr>
        <a:xfrm>
          <a:off x="16230600" y="10773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86123</xdr:rowOff>
    </xdr:from>
    <xdr:ext cx="405111" cy="259045"/>
    <xdr:sp macro="" textlink="">
      <xdr:nvSpPr>
        <xdr:cNvPr id="622" name="【学校施設】&#10;有形固定資産減価償却率最大値テキスト">
          <a:extLst>
            <a:ext uri="{FF2B5EF4-FFF2-40B4-BE49-F238E27FC236}">
              <a16:creationId xmlns:a16="http://schemas.microsoft.com/office/drawing/2014/main" id="{D780BE76-D137-4EC9-8676-EE4F3B3C2E6D}"/>
            </a:ext>
          </a:extLst>
        </xdr:cNvPr>
        <xdr:cNvSpPr txBox="1"/>
      </xdr:nvSpPr>
      <xdr:spPr>
        <a:xfrm>
          <a:off x="16357600" y="93444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9446</xdr:rowOff>
    </xdr:from>
    <xdr:to>
      <xdr:col>86</xdr:col>
      <xdr:colOff>25400</xdr:colOff>
      <xdr:row>55</xdr:row>
      <xdr:rowOff>139446</xdr:rowOff>
    </xdr:to>
    <xdr:cxnSp macro="">
      <xdr:nvCxnSpPr>
        <xdr:cNvPr id="623" name="直線コネクタ 622">
          <a:extLst>
            <a:ext uri="{FF2B5EF4-FFF2-40B4-BE49-F238E27FC236}">
              <a16:creationId xmlns:a16="http://schemas.microsoft.com/office/drawing/2014/main" id="{EBA0B0C7-4EB8-433A-AAE9-7129D2DC15D0}"/>
            </a:ext>
          </a:extLst>
        </xdr:cNvPr>
        <xdr:cNvCxnSpPr/>
      </xdr:nvCxnSpPr>
      <xdr:spPr>
        <a:xfrm>
          <a:off x="16230600" y="9569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58945</xdr:rowOff>
    </xdr:from>
    <xdr:ext cx="405111" cy="259045"/>
    <xdr:sp macro="" textlink="">
      <xdr:nvSpPr>
        <xdr:cNvPr id="624" name="【学校施設】&#10;有形固定資産減価償却率平均値テキスト">
          <a:extLst>
            <a:ext uri="{FF2B5EF4-FFF2-40B4-BE49-F238E27FC236}">
              <a16:creationId xmlns:a16="http://schemas.microsoft.com/office/drawing/2014/main" id="{5C251C49-75A4-4565-8CD8-63512F12FC6A}"/>
            </a:ext>
          </a:extLst>
        </xdr:cNvPr>
        <xdr:cNvSpPr txBox="1"/>
      </xdr:nvSpPr>
      <xdr:spPr>
        <a:xfrm>
          <a:off x="16357600" y="100030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6068</xdr:rowOff>
    </xdr:from>
    <xdr:to>
      <xdr:col>85</xdr:col>
      <xdr:colOff>177800</xdr:colOff>
      <xdr:row>59</xdr:row>
      <xdr:rowOff>137668</xdr:rowOff>
    </xdr:to>
    <xdr:sp macro="" textlink="">
      <xdr:nvSpPr>
        <xdr:cNvPr id="625" name="フローチャート: 判断 624">
          <a:extLst>
            <a:ext uri="{FF2B5EF4-FFF2-40B4-BE49-F238E27FC236}">
              <a16:creationId xmlns:a16="http://schemas.microsoft.com/office/drawing/2014/main" id="{BE00B85F-8403-4643-8E4C-9C6AB4C9898B}"/>
            </a:ext>
          </a:extLst>
        </xdr:cNvPr>
        <xdr:cNvSpPr/>
      </xdr:nvSpPr>
      <xdr:spPr>
        <a:xfrm>
          <a:off x="16268700" y="1015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3782</xdr:rowOff>
    </xdr:from>
    <xdr:to>
      <xdr:col>81</xdr:col>
      <xdr:colOff>101600</xdr:colOff>
      <xdr:row>59</xdr:row>
      <xdr:rowOff>135382</xdr:rowOff>
    </xdr:to>
    <xdr:sp macro="" textlink="">
      <xdr:nvSpPr>
        <xdr:cNvPr id="626" name="フローチャート: 判断 625">
          <a:extLst>
            <a:ext uri="{FF2B5EF4-FFF2-40B4-BE49-F238E27FC236}">
              <a16:creationId xmlns:a16="http://schemas.microsoft.com/office/drawing/2014/main" id="{5CD2CBCF-8F2E-4068-8FE2-762C8128EC48}"/>
            </a:ext>
          </a:extLst>
        </xdr:cNvPr>
        <xdr:cNvSpPr/>
      </xdr:nvSpPr>
      <xdr:spPr>
        <a:xfrm>
          <a:off x="15430500" y="1014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54356</xdr:rowOff>
    </xdr:from>
    <xdr:to>
      <xdr:col>76</xdr:col>
      <xdr:colOff>165100</xdr:colOff>
      <xdr:row>59</xdr:row>
      <xdr:rowOff>155956</xdr:rowOff>
    </xdr:to>
    <xdr:sp macro="" textlink="">
      <xdr:nvSpPr>
        <xdr:cNvPr id="627" name="フローチャート: 判断 626">
          <a:extLst>
            <a:ext uri="{FF2B5EF4-FFF2-40B4-BE49-F238E27FC236}">
              <a16:creationId xmlns:a16="http://schemas.microsoft.com/office/drawing/2014/main" id="{095C0884-744B-4374-B686-1AD2998FAE08}"/>
            </a:ext>
          </a:extLst>
        </xdr:cNvPr>
        <xdr:cNvSpPr/>
      </xdr:nvSpPr>
      <xdr:spPr>
        <a:xfrm>
          <a:off x="14541500" y="101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22352</xdr:rowOff>
    </xdr:from>
    <xdr:to>
      <xdr:col>72</xdr:col>
      <xdr:colOff>38100</xdr:colOff>
      <xdr:row>59</xdr:row>
      <xdr:rowOff>123952</xdr:rowOff>
    </xdr:to>
    <xdr:sp macro="" textlink="">
      <xdr:nvSpPr>
        <xdr:cNvPr id="628" name="フローチャート: 判断 627">
          <a:extLst>
            <a:ext uri="{FF2B5EF4-FFF2-40B4-BE49-F238E27FC236}">
              <a16:creationId xmlns:a16="http://schemas.microsoft.com/office/drawing/2014/main" id="{629AE01D-825E-4684-8B95-7AB467D1E7AD}"/>
            </a:ext>
          </a:extLst>
        </xdr:cNvPr>
        <xdr:cNvSpPr/>
      </xdr:nvSpPr>
      <xdr:spPr>
        <a:xfrm>
          <a:off x="13652500" y="1013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0922</xdr:rowOff>
    </xdr:from>
    <xdr:to>
      <xdr:col>67</xdr:col>
      <xdr:colOff>101600</xdr:colOff>
      <xdr:row>59</xdr:row>
      <xdr:rowOff>112522</xdr:rowOff>
    </xdr:to>
    <xdr:sp macro="" textlink="">
      <xdr:nvSpPr>
        <xdr:cNvPr id="629" name="フローチャート: 判断 628">
          <a:extLst>
            <a:ext uri="{FF2B5EF4-FFF2-40B4-BE49-F238E27FC236}">
              <a16:creationId xmlns:a16="http://schemas.microsoft.com/office/drawing/2014/main" id="{79C9C02E-CDB7-4AD2-98DF-5B8908EA1A16}"/>
            </a:ext>
          </a:extLst>
        </xdr:cNvPr>
        <xdr:cNvSpPr/>
      </xdr:nvSpPr>
      <xdr:spPr>
        <a:xfrm>
          <a:off x="12763500" y="10126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0" name="テキスト ボックス 629">
          <a:extLst>
            <a:ext uri="{FF2B5EF4-FFF2-40B4-BE49-F238E27FC236}">
              <a16:creationId xmlns:a16="http://schemas.microsoft.com/office/drawing/2014/main" id="{086D13A1-BAF3-4243-B1CF-0809590BF461}"/>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1" name="テキスト ボックス 630">
          <a:extLst>
            <a:ext uri="{FF2B5EF4-FFF2-40B4-BE49-F238E27FC236}">
              <a16:creationId xmlns:a16="http://schemas.microsoft.com/office/drawing/2014/main" id="{48F3C32C-87F6-49A0-9775-01D759DB7CF4}"/>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2" name="テキスト ボックス 631">
          <a:extLst>
            <a:ext uri="{FF2B5EF4-FFF2-40B4-BE49-F238E27FC236}">
              <a16:creationId xmlns:a16="http://schemas.microsoft.com/office/drawing/2014/main" id="{C1BC2D9D-01D3-4F21-994E-72E183DBEDDA}"/>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3" name="テキスト ボックス 632">
          <a:extLst>
            <a:ext uri="{FF2B5EF4-FFF2-40B4-BE49-F238E27FC236}">
              <a16:creationId xmlns:a16="http://schemas.microsoft.com/office/drawing/2014/main" id="{18391623-0068-49E4-B539-EFB8A4587E54}"/>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4" name="テキスト ボックス 633">
          <a:extLst>
            <a:ext uri="{FF2B5EF4-FFF2-40B4-BE49-F238E27FC236}">
              <a16:creationId xmlns:a16="http://schemas.microsoft.com/office/drawing/2014/main" id="{A6380C84-54B4-47C8-BB6F-5B1FC8C40CDC}"/>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6068</xdr:rowOff>
    </xdr:from>
    <xdr:to>
      <xdr:col>85</xdr:col>
      <xdr:colOff>177800</xdr:colOff>
      <xdr:row>59</xdr:row>
      <xdr:rowOff>137668</xdr:rowOff>
    </xdr:to>
    <xdr:sp macro="" textlink="">
      <xdr:nvSpPr>
        <xdr:cNvPr id="635" name="楕円 634">
          <a:extLst>
            <a:ext uri="{FF2B5EF4-FFF2-40B4-BE49-F238E27FC236}">
              <a16:creationId xmlns:a16="http://schemas.microsoft.com/office/drawing/2014/main" id="{8327F6B6-257F-4F6B-AF9F-4C946EF2E593}"/>
            </a:ext>
          </a:extLst>
        </xdr:cNvPr>
        <xdr:cNvSpPr/>
      </xdr:nvSpPr>
      <xdr:spPr>
        <a:xfrm>
          <a:off x="16268700" y="10151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4495</xdr:rowOff>
    </xdr:from>
    <xdr:ext cx="405111" cy="259045"/>
    <xdr:sp macro="" textlink="">
      <xdr:nvSpPr>
        <xdr:cNvPr id="636" name="【学校施設】&#10;有形固定資産減価償却率該当値テキスト">
          <a:extLst>
            <a:ext uri="{FF2B5EF4-FFF2-40B4-BE49-F238E27FC236}">
              <a16:creationId xmlns:a16="http://schemas.microsoft.com/office/drawing/2014/main" id="{461C627F-3BC5-406E-BB66-36632623FDBC}"/>
            </a:ext>
          </a:extLst>
        </xdr:cNvPr>
        <xdr:cNvSpPr txBox="1"/>
      </xdr:nvSpPr>
      <xdr:spPr>
        <a:xfrm>
          <a:off x="16357600" y="101300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66370</xdr:rowOff>
    </xdr:from>
    <xdr:to>
      <xdr:col>81</xdr:col>
      <xdr:colOff>101600</xdr:colOff>
      <xdr:row>59</xdr:row>
      <xdr:rowOff>96520</xdr:rowOff>
    </xdr:to>
    <xdr:sp macro="" textlink="">
      <xdr:nvSpPr>
        <xdr:cNvPr id="637" name="楕円 636">
          <a:extLst>
            <a:ext uri="{FF2B5EF4-FFF2-40B4-BE49-F238E27FC236}">
              <a16:creationId xmlns:a16="http://schemas.microsoft.com/office/drawing/2014/main" id="{77DA79FC-A59F-4B02-88F6-AFDC608CCE9D}"/>
            </a:ext>
          </a:extLst>
        </xdr:cNvPr>
        <xdr:cNvSpPr/>
      </xdr:nvSpPr>
      <xdr:spPr>
        <a:xfrm>
          <a:off x="15430500" y="1011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45720</xdr:rowOff>
    </xdr:from>
    <xdr:to>
      <xdr:col>85</xdr:col>
      <xdr:colOff>127000</xdr:colOff>
      <xdr:row>59</xdr:row>
      <xdr:rowOff>86868</xdr:rowOff>
    </xdr:to>
    <xdr:cxnSp macro="">
      <xdr:nvCxnSpPr>
        <xdr:cNvPr id="638" name="直線コネクタ 637">
          <a:extLst>
            <a:ext uri="{FF2B5EF4-FFF2-40B4-BE49-F238E27FC236}">
              <a16:creationId xmlns:a16="http://schemas.microsoft.com/office/drawing/2014/main" id="{2B2ACEDC-F03E-402F-93FB-0A0015BD9CF2}"/>
            </a:ext>
          </a:extLst>
        </xdr:cNvPr>
        <xdr:cNvCxnSpPr/>
      </xdr:nvCxnSpPr>
      <xdr:spPr>
        <a:xfrm>
          <a:off x="15481300" y="10161270"/>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59512</xdr:rowOff>
    </xdr:from>
    <xdr:to>
      <xdr:col>76</xdr:col>
      <xdr:colOff>165100</xdr:colOff>
      <xdr:row>59</xdr:row>
      <xdr:rowOff>89662</xdr:rowOff>
    </xdr:to>
    <xdr:sp macro="" textlink="">
      <xdr:nvSpPr>
        <xdr:cNvPr id="639" name="楕円 638">
          <a:extLst>
            <a:ext uri="{FF2B5EF4-FFF2-40B4-BE49-F238E27FC236}">
              <a16:creationId xmlns:a16="http://schemas.microsoft.com/office/drawing/2014/main" id="{B893C645-A2B9-4AEA-8E1C-E0CF22CFF400}"/>
            </a:ext>
          </a:extLst>
        </xdr:cNvPr>
        <xdr:cNvSpPr/>
      </xdr:nvSpPr>
      <xdr:spPr>
        <a:xfrm>
          <a:off x="14541500" y="10103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38862</xdr:rowOff>
    </xdr:from>
    <xdr:to>
      <xdr:col>81</xdr:col>
      <xdr:colOff>50800</xdr:colOff>
      <xdr:row>59</xdr:row>
      <xdr:rowOff>45720</xdr:rowOff>
    </xdr:to>
    <xdr:cxnSp macro="">
      <xdr:nvCxnSpPr>
        <xdr:cNvPr id="640" name="直線コネクタ 639">
          <a:extLst>
            <a:ext uri="{FF2B5EF4-FFF2-40B4-BE49-F238E27FC236}">
              <a16:creationId xmlns:a16="http://schemas.microsoft.com/office/drawing/2014/main" id="{83275F23-65B0-4A3C-BEB6-6F8A10DDA517}"/>
            </a:ext>
          </a:extLst>
        </xdr:cNvPr>
        <xdr:cNvCxnSpPr/>
      </xdr:nvCxnSpPr>
      <xdr:spPr>
        <a:xfrm>
          <a:off x="14592300" y="10154412"/>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26924</xdr:rowOff>
    </xdr:from>
    <xdr:to>
      <xdr:col>72</xdr:col>
      <xdr:colOff>38100</xdr:colOff>
      <xdr:row>58</xdr:row>
      <xdr:rowOff>128524</xdr:rowOff>
    </xdr:to>
    <xdr:sp macro="" textlink="">
      <xdr:nvSpPr>
        <xdr:cNvPr id="641" name="楕円 640">
          <a:extLst>
            <a:ext uri="{FF2B5EF4-FFF2-40B4-BE49-F238E27FC236}">
              <a16:creationId xmlns:a16="http://schemas.microsoft.com/office/drawing/2014/main" id="{BECC1C83-0BE5-4DE9-845D-735A2C6EAFC3}"/>
            </a:ext>
          </a:extLst>
        </xdr:cNvPr>
        <xdr:cNvSpPr/>
      </xdr:nvSpPr>
      <xdr:spPr>
        <a:xfrm>
          <a:off x="13652500" y="9971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77724</xdr:rowOff>
    </xdr:from>
    <xdr:to>
      <xdr:col>76</xdr:col>
      <xdr:colOff>114300</xdr:colOff>
      <xdr:row>59</xdr:row>
      <xdr:rowOff>38862</xdr:rowOff>
    </xdr:to>
    <xdr:cxnSp macro="">
      <xdr:nvCxnSpPr>
        <xdr:cNvPr id="642" name="直線コネクタ 641">
          <a:extLst>
            <a:ext uri="{FF2B5EF4-FFF2-40B4-BE49-F238E27FC236}">
              <a16:creationId xmlns:a16="http://schemas.microsoft.com/office/drawing/2014/main" id="{A91E8977-EEFC-4A99-96F0-84B0A042439F}"/>
            </a:ext>
          </a:extLst>
        </xdr:cNvPr>
        <xdr:cNvCxnSpPr/>
      </xdr:nvCxnSpPr>
      <xdr:spPr>
        <a:xfrm>
          <a:off x="13703300" y="10021824"/>
          <a:ext cx="889000" cy="132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22936</xdr:rowOff>
    </xdr:from>
    <xdr:to>
      <xdr:col>67</xdr:col>
      <xdr:colOff>101600</xdr:colOff>
      <xdr:row>59</xdr:row>
      <xdr:rowOff>53086</xdr:rowOff>
    </xdr:to>
    <xdr:sp macro="" textlink="">
      <xdr:nvSpPr>
        <xdr:cNvPr id="643" name="楕円 642">
          <a:extLst>
            <a:ext uri="{FF2B5EF4-FFF2-40B4-BE49-F238E27FC236}">
              <a16:creationId xmlns:a16="http://schemas.microsoft.com/office/drawing/2014/main" id="{7ABEAE02-0CF5-4BED-BF46-8422901D62F5}"/>
            </a:ext>
          </a:extLst>
        </xdr:cNvPr>
        <xdr:cNvSpPr/>
      </xdr:nvSpPr>
      <xdr:spPr>
        <a:xfrm>
          <a:off x="12763500" y="10067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77724</xdr:rowOff>
    </xdr:from>
    <xdr:to>
      <xdr:col>71</xdr:col>
      <xdr:colOff>177800</xdr:colOff>
      <xdr:row>59</xdr:row>
      <xdr:rowOff>2286</xdr:rowOff>
    </xdr:to>
    <xdr:cxnSp macro="">
      <xdr:nvCxnSpPr>
        <xdr:cNvPr id="644" name="直線コネクタ 643">
          <a:extLst>
            <a:ext uri="{FF2B5EF4-FFF2-40B4-BE49-F238E27FC236}">
              <a16:creationId xmlns:a16="http://schemas.microsoft.com/office/drawing/2014/main" id="{4FC1B279-AC53-4160-8BC5-2B483C137C6D}"/>
            </a:ext>
          </a:extLst>
        </xdr:cNvPr>
        <xdr:cNvCxnSpPr/>
      </xdr:nvCxnSpPr>
      <xdr:spPr>
        <a:xfrm flipV="1">
          <a:off x="12814300" y="10021824"/>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26509</xdr:rowOff>
    </xdr:from>
    <xdr:ext cx="405111" cy="259045"/>
    <xdr:sp macro="" textlink="">
      <xdr:nvSpPr>
        <xdr:cNvPr id="645" name="n_1aveValue【学校施設】&#10;有形固定資産減価償却率">
          <a:extLst>
            <a:ext uri="{FF2B5EF4-FFF2-40B4-BE49-F238E27FC236}">
              <a16:creationId xmlns:a16="http://schemas.microsoft.com/office/drawing/2014/main" id="{9CBB7273-642A-414E-BECE-F83C566598D3}"/>
            </a:ext>
          </a:extLst>
        </xdr:cNvPr>
        <xdr:cNvSpPr txBox="1"/>
      </xdr:nvSpPr>
      <xdr:spPr>
        <a:xfrm>
          <a:off x="15266044" y="10242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47083</xdr:rowOff>
    </xdr:from>
    <xdr:ext cx="405111" cy="259045"/>
    <xdr:sp macro="" textlink="">
      <xdr:nvSpPr>
        <xdr:cNvPr id="646" name="n_2aveValue【学校施設】&#10;有形固定資産減価償却率">
          <a:extLst>
            <a:ext uri="{FF2B5EF4-FFF2-40B4-BE49-F238E27FC236}">
              <a16:creationId xmlns:a16="http://schemas.microsoft.com/office/drawing/2014/main" id="{F9DBFFD3-6BA9-4108-95E4-6BFCA934B5DC}"/>
            </a:ext>
          </a:extLst>
        </xdr:cNvPr>
        <xdr:cNvSpPr txBox="1"/>
      </xdr:nvSpPr>
      <xdr:spPr>
        <a:xfrm>
          <a:off x="14389744" y="10262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15079</xdr:rowOff>
    </xdr:from>
    <xdr:ext cx="405111" cy="259045"/>
    <xdr:sp macro="" textlink="">
      <xdr:nvSpPr>
        <xdr:cNvPr id="647" name="n_3aveValue【学校施設】&#10;有形固定資産減価償却率">
          <a:extLst>
            <a:ext uri="{FF2B5EF4-FFF2-40B4-BE49-F238E27FC236}">
              <a16:creationId xmlns:a16="http://schemas.microsoft.com/office/drawing/2014/main" id="{A46C4395-4EFD-4302-9432-4754B474BACB}"/>
            </a:ext>
          </a:extLst>
        </xdr:cNvPr>
        <xdr:cNvSpPr txBox="1"/>
      </xdr:nvSpPr>
      <xdr:spPr>
        <a:xfrm>
          <a:off x="13500744" y="10230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03649</xdr:rowOff>
    </xdr:from>
    <xdr:ext cx="405111" cy="259045"/>
    <xdr:sp macro="" textlink="">
      <xdr:nvSpPr>
        <xdr:cNvPr id="648" name="n_4aveValue【学校施設】&#10;有形固定資産減価償却率">
          <a:extLst>
            <a:ext uri="{FF2B5EF4-FFF2-40B4-BE49-F238E27FC236}">
              <a16:creationId xmlns:a16="http://schemas.microsoft.com/office/drawing/2014/main" id="{297D3CDD-05B7-44AC-B5D0-F7E3DB4D31D5}"/>
            </a:ext>
          </a:extLst>
        </xdr:cNvPr>
        <xdr:cNvSpPr txBox="1"/>
      </xdr:nvSpPr>
      <xdr:spPr>
        <a:xfrm>
          <a:off x="12611744" y="10219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13047</xdr:rowOff>
    </xdr:from>
    <xdr:ext cx="405111" cy="259045"/>
    <xdr:sp macro="" textlink="">
      <xdr:nvSpPr>
        <xdr:cNvPr id="649" name="n_1mainValue【学校施設】&#10;有形固定資産減価償却率">
          <a:extLst>
            <a:ext uri="{FF2B5EF4-FFF2-40B4-BE49-F238E27FC236}">
              <a16:creationId xmlns:a16="http://schemas.microsoft.com/office/drawing/2014/main" id="{50CF9DCC-00F6-465A-A5D0-2FAB34BC92DC}"/>
            </a:ext>
          </a:extLst>
        </xdr:cNvPr>
        <xdr:cNvSpPr txBox="1"/>
      </xdr:nvSpPr>
      <xdr:spPr>
        <a:xfrm>
          <a:off x="15266044" y="988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06189</xdr:rowOff>
    </xdr:from>
    <xdr:ext cx="405111" cy="259045"/>
    <xdr:sp macro="" textlink="">
      <xdr:nvSpPr>
        <xdr:cNvPr id="650" name="n_2mainValue【学校施設】&#10;有形固定資産減価償却率">
          <a:extLst>
            <a:ext uri="{FF2B5EF4-FFF2-40B4-BE49-F238E27FC236}">
              <a16:creationId xmlns:a16="http://schemas.microsoft.com/office/drawing/2014/main" id="{8C5922A5-E663-41DE-88DA-5FB62FA8B1E5}"/>
            </a:ext>
          </a:extLst>
        </xdr:cNvPr>
        <xdr:cNvSpPr txBox="1"/>
      </xdr:nvSpPr>
      <xdr:spPr>
        <a:xfrm>
          <a:off x="14389744" y="98788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145051</xdr:rowOff>
    </xdr:from>
    <xdr:ext cx="405111" cy="259045"/>
    <xdr:sp macro="" textlink="">
      <xdr:nvSpPr>
        <xdr:cNvPr id="651" name="n_3mainValue【学校施設】&#10;有形固定資産減価償却率">
          <a:extLst>
            <a:ext uri="{FF2B5EF4-FFF2-40B4-BE49-F238E27FC236}">
              <a16:creationId xmlns:a16="http://schemas.microsoft.com/office/drawing/2014/main" id="{DDA28C78-D6DC-4041-A066-044A1AD3EC1B}"/>
            </a:ext>
          </a:extLst>
        </xdr:cNvPr>
        <xdr:cNvSpPr txBox="1"/>
      </xdr:nvSpPr>
      <xdr:spPr>
        <a:xfrm>
          <a:off x="13500744" y="9746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69613</xdr:rowOff>
    </xdr:from>
    <xdr:ext cx="405111" cy="259045"/>
    <xdr:sp macro="" textlink="">
      <xdr:nvSpPr>
        <xdr:cNvPr id="652" name="n_4mainValue【学校施設】&#10;有形固定資産減価償却率">
          <a:extLst>
            <a:ext uri="{FF2B5EF4-FFF2-40B4-BE49-F238E27FC236}">
              <a16:creationId xmlns:a16="http://schemas.microsoft.com/office/drawing/2014/main" id="{91400B47-7F89-4B28-BD85-497B67DA252E}"/>
            </a:ext>
          </a:extLst>
        </xdr:cNvPr>
        <xdr:cNvSpPr txBox="1"/>
      </xdr:nvSpPr>
      <xdr:spPr>
        <a:xfrm>
          <a:off x="12611744" y="9842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3" name="正方形/長方形 652">
          <a:extLst>
            <a:ext uri="{FF2B5EF4-FFF2-40B4-BE49-F238E27FC236}">
              <a16:creationId xmlns:a16="http://schemas.microsoft.com/office/drawing/2014/main" id="{A80F5056-F02D-423C-82E8-FD2D6CB2E86F}"/>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4" name="正方形/長方形 653">
          <a:extLst>
            <a:ext uri="{FF2B5EF4-FFF2-40B4-BE49-F238E27FC236}">
              <a16:creationId xmlns:a16="http://schemas.microsoft.com/office/drawing/2014/main" id="{012D90F7-F556-4EDC-8C54-1856F0A0D80D}"/>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5" name="正方形/長方形 654">
          <a:extLst>
            <a:ext uri="{FF2B5EF4-FFF2-40B4-BE49-F238E27FC236}">
              <a16:creationId xmlns:a16="http://schemas.microsoft.com/office/drawing/2014/main" id="{B38CA702-BD81-447A-9279-82CE8398FDCC}"/>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56" name="正方形/長方形 655">
          <a:extLst>
            <a:ext uri="{FF2B5EF4-FFF2-40B4-BE49-F238E27FC236}">
              <a16:creationId xmlns:a16="http://schemas.microsoft.com/office/drawing/2014/main" id="{4956D85E-D16E-4700-8EB5-610B3A13252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57" name="正方形/長方形 656">
          <a:extLst>
            <a:ext uri="{FF2B5EF4-FFF2-40B4-BE49-F238E27FC236}">
              <a16:creationId xmlns:a16="http://schemas.microsoft.com/office/drawing/2014/main" id="{4574052F-6997-450E-B98D-1EF1F2363AE6}"/>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58" name="正方形/長方形 657">
          <a:extLst>
            <a:ext uri="{FF2B5EF4-FFF2-40B4-BE49-F238E27FC236}">
              <a16:creationId xmlns:a16="http://schemas.microsoft.com/office/drawing/2014/main" id="{F2842218-56FC-42D8-8E17-7A1C8047F745}"/>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59" name="正方形/長方形 658">
          <a:extLst>
            <a:ext uri="{FF2B5EF4-FFF2-40B4-BE49-F238E27FC236}">
              <a16:creationId xmlns:a16="http://schemas.microsoft.com/office/drawing/2014/main" id="{2CF15760-2BC5-44F5-8EB7-D13205BD52A3}"/>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0" name="正方形/長方形 659">
          <a:extLst>
            <a:ext uri="{FF2B5EF4-FFF2-40B4-BE49-F238E27FC236}">
              <a16:creationId xmlns:a16="http://schemas.microsoft.com/office/drawing/2014/main" id="{6133513A-CEC7-4B79-9014-3ADFBFC0CF0A}"/>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1" name="テキスト ボックス 660">
          <a:extLst>
            <a:ext uri="{FF2B5EF4-FFF2-40B4-BE49-F238E27FC236}">
              <a16:creationId xmlns:a16="http://schemas.microsoft.com/office/drawing/2014/main" id="{80B47E55-461E-43D4-A08D-D3313C5AF341}"/>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2" name="直線コネクタ 661">
          <a:extLst>
            <a:ext uri="{FF2B5EF4-FFF2-40B4-BE49-F238E27FC236}">
              <a16:creationId xmlns:a16="http://schemas.microsoft.com/office/drawing/2014/main" id="{0AD3CCE9-EFD3-4950-8540-FC857A8723A1}"/>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3" name="テキスト ボックス 662">
          <a:extLst>
            <a:ext uri="{FF2B5EF4-FFF2-40B4-BE49-F238E27FC236}">
              <a16:creationId xmlns:a16="http://schemas.microsoft.com/office/drawing/2014/main" id="{A070CE28-FFF1-448C-B309-AA5483930592}"/>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64" name="直線コネクタ 663">
          <a:extLst>
            <a:ext uri="{FF2B5EF4-FFF2-40B4-BE49-F238E27FC236}">
              <a16:creationId xmlns:a16="http://schemas.microsoft.com/office/drawing/2014/main" id="{CE7E3439-C39C-4737-B330-DAA1BAFAF177}"/>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65" name="テキスト ボックス 664">
          <a:extLst>
            <a:ext uri="{FF2B5EF4-FFF2-40B4-BE49-F238E27FC236}">
              <a16:creationId xmlns:a16="http://schemas.microsoft.com/office/drawing/2014/main" id="{2325841E-2DD8-446D-A1CB-EFA6ADDEF64F}"/>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66" name="直線コネクタ 665">
          <a:extLst>
            <a:ext uri="{FF2B5EF4-FFF2-40B4-BE49-F238E27FC236}">
              <a16:creationId xmlns:a16="http://schemas.microsoft.com/office/drawing/2014/main" id="{90763BDA-6A2E-4D1E-8354-5590FED5036E}"/>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67" name="テキスト ボックス 666">
          <a:extLst>
            <a:ext uri="{FF2B5EF4-FFF2-40B4-BE49-F238E27FC236}">
              <a16:creationId xmlns:a16="http://schemas.microsoft.com/office/drawing/2014/main" id="{287F1559-808A-4040-8075-603C6765BC88}"/>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68" name="直線コネクタ 667">
          <a:extLst>
            <a:ext uri="{FF2B5EF4-FFF2-40B4-BE49-F238E27FC236}">
              <a16:creationId xmlns:a16="http://schemas.microsoft.com/office/drawing/2014/main" id="{70DB7C7C-858C-4357-86AA-8A7CE3C0F128}"/>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69" name="テキスト ボックス 668">
          <a:extLst>
            <a:ext uri="{FF2B5EF4-FFF2-40B4-BE49-F238E27FC236}">
              <a16:creationId xmlns:a16="http://schemas.microsoft.com/office/drawing/2014/main" id="{0BD8C183-54A7-47DB-8E39-0EEA94BB8902}"/>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0" name="直線コネクタ 669">
          <a:extLst>
            <a:ext uri="{FF2B5EF4-FFF2-40B4-BE49-F238E27FC236}">
              <a16:creationId xmlns:a16="http://schemas.microsoft.com/office/drawing/2014/main" id="{73312F3B-822E-4028-AA44-FD954B077362}"/>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71" name="テキスト ボックス 670">
          <a:extLst>
            <a:ext uri="{FF2B5EF4-FFF2-40B4-BE49-F238E27FC236}">
              <a16:creationId xmlns:a16="http://schemas.microsoft.com/office/drawing/2014/main" id="{7D8106D6-994A-4E82-8AF0-87D676BF03FB}"/>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72" name="直線コネクタ 671">
          <a:extLst>
            <a:ext uri="{FF2B5EF4-FFF2-40B4-BE49-F238E27FC236}">
              <a16:creationId xmlns:a16="http://schemas.microsoft.com/office/drawing/2014/main" id="{22A9D2F2-F2BF-40BF-A377-DB90B82CA786}"/>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73" name="テキスト ボックス 672">
          <a:extLst>
            <a:ext uri="{FF2B5EF4-FFF2-40B4-BE49-F238E27FC236}">
              <a16:creationId xmlns:a16="http://schemas.microsoft.com/office/drawing/2014/main" id="{D2FE4E33-CF37-4CBA-A59E-6AFF7E7018A6}"/>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4" name="直線コネクタ 673">
          <a:extLst>
            <a:ext uri="{FF2B5EF4-FFF2-40B4-BE49-F238E27FC236}">
              <a16:creationId xmlns:a16="http://schemas.microsoft.com/office/drawing/2014/main" id="{931F3C6A-24C9-4651-9F86-A3677CA6D4E8}"/>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5" name="テキスト ボックス 674">
          <a:extLst>
            <a:ext uri="{FF2B5EF4-FFF2-40B4-BE49-F238E27FC236}">
              <a16:creationId xmlns:a16="http://schemas.microsoft.com/office/drawing/2014/main" id="{5B9BEF5C-6F61-479C-8C4B-FD2227C8BDF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6" name="【学校施設】&#10;一人当たり面積グラフ枠">
          <a:extLst>
            <a:ext uri="{FF2B5EF4-FFF2-40B4-BE49-F238E27FC236}">
              <a16:creationId xmlns:a16="http://schemas.microsoft.com/office/drawing/2014/main" id="{B66A047D-8C40-42FA-AECC-65FA3787E126}"/>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44018</xdr:rowOff>
    </xdr:from>
    <xdr:to>
      <xdr:col>116</xdr:col>
      <xdr:colOff>62864</xdr:colOff>
      <xdr:row>64</xdr:row>
      <xdr:rowOff>133731</xdr:rowOff>
    </xdr:to>
    <xdr:cxnSp macro="">
      <xdr:nvCxnSpPr>
        <xdr:cNvPr id="677" name="直線コネクタ 676">
          <a:extLst>
            <a:ext uri="{FF2B5EF4-FFF2-40B4-BE49-F238E27FC236}">
              <a16:creationId xmlns:a16="http://schemas.microsoft.com/office/drawing/2014/main" id="{F3185B59-E679-4F0D-977A-1898E6ECEDC5}"/>
            </a:ext>
          </a:extLst>
        </xdr:cNvPr>
        <xdr:cNvCxnSpPr/>
      </xdr:nvCxnSpPr>
      <xdr:spPr>
        <a:xfrm flipV="1">
          <a:off x="22160864" y="9745218"/>
          <a:ext cx="0" cy="1361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37558</xdr:rowOff>
    </xdr:from>
    <xdr:ext cx="469744" cy="259045"/>
    <xdr:sp macro="" textlink="">
      <xdr:nvSpPr>
        <xdr:cNvPr id="678" name="【学校施設】&#10;一人当たり面積最小値テキスト">
          <a:extLst>
            <a:ext uri="{FF2B5EF4-FFF2-40B4-BE49-F238E27FC236}">
              <a16:creationId xmlns:a16="http://schemas.microsoft.com/office/drawing/2014/main" id="{90FA961A-7310-4992-84A6-E59A8EB01B74}"/>
            </a:ext>
          </a:extLst>
        </xdr:cNvPr>
        <xdr:cNvSpPr txBox="1"/>
      </xdr:nvSpPr>
      <xdr:spPr>
        <a:xfrm>
          <a:off x="22199600" y="11110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33731</xdr:rowOff>
    </xdr:from>
    <xdr:to>
      <xdr:col>116</xdr:col>
      <xdr:colOff>152400</xdr:colOff>
      <xdr:row>64</xdr:row>
      <xdr:rowOff>133731</xdr:rowOff>
    </xdr:to>
    <xdr:cxnSp macro="">
      <xdr:nvCxnSpPr>
        <xdr:cNvPr id="679" name="直線コネクタ 678">
          <a:extLst>
            <a:ext uri="{FF2B5EF4-FFF2-40B4-BE49-F238E27FC236}">
              <a16:creationId xmlns:a16="http://schemas.microsoft.com/office/drawing/2014/main" id="{59518523-29C2-4724-8E2D-F91668C3CEC3}"/>
            </a:ext>
          </a:extLst>
        </xdr:cNvPr>
        <xdr:cNvCxnSpPr/>
      </xdr:nvCxnSpPr>
      <xdr:spPr>
        <a:xfrm>
          <a:off x="22072600" y="11106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90695</xdr:rowOff>
    </xdr:from>
    <xdr:ext cx="469744" cy="259045"/>
    <xdr:sp macro="" textlink="">
      <xdr:nvSpPr>
        <xdr:cNvPr id="680" name="【学校施設】&#10;一人当たり面積最大値テキスト">
          <a:extLst>
            <a:ext uri="{FF2B5EF4-FFF2-40B4-BE49-F238E27FC236}">
              <a16:creationId xmlns:a16="http://schemas.microsoft.com/office/drawing/2014/main" id="{90AB2DC7-577D-4EB7-8579-55C4ADC1EE28}"/>
            </a:ext>
          </a:extLst>
        </xdr:cNvPr>
        <xdr:cNvSpPr txBox="1"/>
      </xdr:nvSpPr>
      <xdr:spPr>
        <a:xfrm>
          <a:off x="22199600" y="9520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44018</xdr:rowOff>
    </xdr:from>
    <xdr:to>
      <xdr:col>116</xdr:col>
      <xdr:colOff>152400</xdr:colOff>
      <xdr:row>56</xdr:row>
      <xdr:rowOff>144018</xdr:rowOff>
    </xdr:to>
    <xdr:cxnSp macro="">
      <xdr:nvCxnSpPr>
        <xdr:cNvPr id="681" name="直線コネクタ 680">
          <a:extLst>
            <a:ext uri="{FF2B5EF4-FFF2-40B4-BE49-F238E27FC236}">
              <a16:creationId xmlns:a16="http://schemas.microsoft.com/office/drawing/2014/main" id="{97E5E57F-C5E9-4ED8-8A68-F94711FF0DEE}"/>
            </a:ext>
          </a:extLst>
        </xdr:cNvPr>
        <xdr:cNvCxnSpPr/>
      </xdr:nvCxnSpPr>
      <xdr:spPr>
        <a:xfrm>
          <a:off x="22072600" y="97452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28668</xdr:rowOff>
    </xdr:from>
    <xdr:ext cx="469744" cy="259045"/>
    <xdr:sp macro="" textlink="">
      <xdr:nvSpPr>
        <xdr:cNvPr id="682" name="【学校施設】&#10;一人当たり面積平均値テキスト">
          <a:extLst>
            <a:ext uri="{FF2B5EF4-FFF2-40B4-BE49-F238E27FC236}">
              <a16:creationId xmlns:a16="http://schemas.microsoft.com/office/drawing/2014/main" id="{5D0F56CB-28A3-442A-B9D1-34E55641FED9}"/>
            </a:ext>
          </a:extLst>
        </xdr:cNvPr>
        <xdr:cNvSpPr txBox="1"/>
      </xdr:nvSpPr>
      <xdr:spPr>
        <a:xfrm>
          <a:off x="22199600" y="107585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05791</xdr:rowOff>
    </xdr:from>
    <xdr:to>
      <xdr:col>116</xdr:col>
      <xdr:colOff>114300</xdr:colOff>
      <xdr:row>64</xdr:row>
      <xdr:rowOff>35941</xdr:rowOff>
    </xdr:to>
    <xdr:sp macro="" textlink="">
      <xdr:nvSpPr>
        <xdr:cNvPr id="683" name="フローチャート: 判断 682">
          <a:extLst>
            <a:ext uri="{FF2B5EF4-FFF2-40B4-BE49-F238E27FC236}">
              <a16:creationId xmlns:a16="http://schemas.microsoft.com/office/drawing/2014/main" id="{D04FF9A1-8CBA-4F53-9788-127DE9228DA8}"/>
            </a:ext>
          </a:extLst>
        </xdr:cNvPr>
        <xdr:cNvSpPr/>
      </xdr:nvSpPr>
      <xdr:spPr>
        <a:xfrm>
          <a:off x="22110700" y="10907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97409</xdr:rowOff>
    </xdr:from>
    <xdr:to>
      <xdr:col>112</xdr:col>
      <xdr:colOff>38100</xdr:colOff>
      <xdr:row>64</xdr:row>
      <xdr:rowOff>27559</xdr:rowOff>
    </xdr:to>
    <xdr:sp macro="" textlink="">
      <xdr:nvSpPr>
        <xdr:cNvPr id="684" name="フローチャート: 判断 683">
          <a:extLst>
            <a:ext uri="{FF2B5EF4-FFF2-40B4-BE49-F238E27FC236}">
              <a16:creationId xmlns:a16="http://schemas.microsoft.com/office/drawing/2014/main" id="{5AD5F265-C176-4459-9857-FEBF053C27EC}"/>
            </a:ext>
          </a:extLst>
        </xdr:cNvPr>
        <xdr:cNvSpPr/>
      </xdr:nvSpPr>
      <xdr:spPr>
        <a:xfrm>
          <a:off x="21272500" y="10898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96647</xdr:rowOff>
    </xdr:from>
    <xdr:to>
      <xdr:col>107</xdr:col>
      <xdr:colOff>101600</xdr:colOff>
      <xdr:row>64</xdr:row>
      <xdr:rowOff>26797</xdr:rowOff>
    </xdr:to>
    <xdr:sp macro="" textlink="">
      <xdr:nvSpPr>
        <xdr:cNvPr id="685" name="フローチャート: 判断 684">
          <a:extLst>
            <a:ext uri="{FF2B5EF4-FFF2-40B4-BE49-F238E27FC236}">
              <a16:creationId xmlns:a16="http://schemas.microsoft.com/office/drawing/2014/main" id="{DF491EF4-8CA5-48B0-B696-48E992DC0D17}"/>
            </a:ext>
          </a:extLst>
        </xdr:cNvPr>
        <xdr:cNvSpPr/>
      </xdr:nvSpPr>
      <xdr:spPr>
        <a:xfrm>
          <a:off x="20383500" y="10897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89408</xdr:rowOff>
    </xdr:from>
    <xdr:to>
      <xdr:col>102</xdr:col>
      <xdr:colOff>165100</xdr:colOff>
      <xdr:row>64</xdr:row>
      <xdr:rowOff>19558</xdr:rowOff>
    </xdr:to>
    <xdr:sp macro="" textlink="">
      <xdr:nvSpPr>
        <xdr:cNvPr id="686" name="フローチャート: 判断 685">
          <a:extLst>
            <a:ext uri="{FF2B5EF4-FFF2-40B4-BE49-F238E27FC236}">
              <a16:creationId xmlns:a16="http://schemas.microsoft.com/office/drawing/2014/main" id="{891CE8FE-B1EF-430F-AB19-90EA7B23000C}"/>
            </a:ext>
          </a:extLst>
        </xdr:cNvPr>
        <xdr:cNvSpPr/>
      </xdr:nvSpPr>
      <xdr:spPr>
        <a:xfrm>
          <a:off x="19494500" y="10890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94361</xdr:rowOff>
    </xdr:from>
    <xdr:to>
      <xdr:col>98</xdr:col>
      <xdr:colOff>38100</xdr:colOff>
      <xdr:row>64</xdr:row>
      <xdr:rowOff>24511</xdr:rowOff>
    </xdr:to>
    <xdr:sp macro="" textlink="">
      <xdr:nvSpPr>
        <xdr:cNvPr id="687" name="フローチャート: 判断 686">
          <a:extLst>
            <a:ext uri="{FF2B5EF4-FFF2-40B4-BE49-F238E27FC236}">
              <a16:creationId xmlns:a16="http://schemas.microsoft.com/office/drawing/2014/main" id="{788544C4-3CA7-422A-A83F-D19FDE895332}"/>
            </a:ext>
          </a:extLst>
        </xdr:cNvPr>
        <xdr:cNvSpPr/>
      </xdr:nvSpPr>
      <xdr:spPr>
        <a:xfrm>
          <a:off x="18605500" y="10895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88" name="テキスト ボックス 687">
          <a:extLst>
            <a:ext uri="{FF2B5EF4-FFF2-40B4-BE49-F238E27FC236}">
              <a16:creationId xmlns:a16="http://schemas.microsoft.com/office/drawing/2014/main" id="{CD456886-18E9-49F5-8E80-12B1CB97EE64}"/>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89" name="テキスト ボックス 688">
          <a:extLst>
            <a:ext uri="{FF2B5EF4-FFF2-40B4-BE49-F238E27FC236}">
              <a16:creationId xmlns:a16="http://schemas.microsoft.com/office/drawing/2014/main" id="{9180824F-EC2C-4D44-A742-A4C2604564C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0" name="テキスト ボックス 689">
          <a:extLst>
            <a:ext uri="{FF2B5EF4-FFF2-40B4-BE49-F238E27FC236}">
              <a16:creationId xmlns:a16="http://schemas.microsoft.com/office/drawing/2014/main" id="{E7FC2F36-0A84-4023-BE3D-7A052CC295FF}"/>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1" name="テキスト ボックス 690">
          <a:extLst>
            <a:ext uri="{FF2B5EF4-FFF2-40B4-BE49-F238E27FC236}">
              <a16:creationId xmlns:a16="http://schemas.microsoft.com/office/drawing/2014/main" id="{876A6EBD-5526-4B1E-A4E8-687D51748CE6}"/>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2" name="テキスト ボックス 691">
          <a:extLst>
            <a:ext uri="{FF2B5EF4-FFF2-40B4-BE49-F238E27FC236}">
              <a16:creationId xmlns:a16="http://schemas.microsoft.com/office/drawing/2014/main" id="{60F49C87-091A-4215-A0D8-669D1CE245D7}"/>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28067</xdr:rowOff>
    </xdr:from>
    <xdr:to>
      <xdr:col>116</xdr:col>
      <xdr:colOff>114300</xdr:colOff>
      <xdr:row>64</xdr:row>
      <xdr:rowOff>129667</xdr:rowOff>
    </xdr:to>
    <xdr:sp macro="" textlink="">
      <xdr:nvSpPr>
        <xdr:cNvPr id="693" name="楕円 692">
          <a:extLst>
            <a:ext uri="{FF2B5EF4-FFF2-40B4-BE49-F238E27FC236}">
              <a16:creationId xmlns:a16="http://schemas.microsoft.com/office/drawing/2014/main" id="{71E207D8-5E3D-4ED6-8B91-4337FB37E1E9}"/>
            </a:ext>
          </a:extLst>
        </xdr:cNvPr>
        <xdr:cNvSpPr/>
      </xdr:nvSpPr>
      <xdr:spPr>
        <a:xfrm>
          <a:off x="22110700" y="1100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14444</xdr:rowOff>
    </xdr:from>
    <xdr:ext cx="469744" cy="259045"/>
    <xdr:sp macro="" textlink="">
      <xdr:nvSpPr>
        <xdr:cNvPr id="694" name="【学校施設】&#10;一人当たり面積該当値テキスト">
          <a:extLst>
            <a:ext uri="{FF2B5EF4-FFF2-40B4-BE49-F238E27FC236}">
              <a16:creationId xmlns:a16="http://schemas.microsoft.com/office/drawing/2014/main" id="{752EC36F-9F56-4B83-9DD8-FF83A3C09C67}"/>
            </a:ext>
          </a:extLst>
        </xdr:cNvPr>
        <xdr:cNvSpPr txBox="1"/>
      </xdr:nvSpPr>
      <xdr:spPr>
        <a:xfrm>
          <a:off x="22199600" y="10915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17399</xdr:rowOff>
    </xdr:from>
    <xdr:to>
      <xdr:col>112</xdr:col>
      <xdr:colOff>38100</xdr:colOff>
      <xdr:row>64</xdr:row>
      <xdr:rowOff>118999</xdr:rowOff>
    </xdr:to>
    <xdr:sp macro="" textlink="">
      <xdr:nvSpPr>
        <xdr:cNvPr id="695" name="楕円 694">
          <a:extLst>
            <a:ext uri="{FF2B5EF4-FFF2-40B4-BE49-F238E27FC236}">
              <a16:creationId xmlns:a16="http://schemas.microsoft.com/office/drawing/2014/main" id="{C8596A62-73C9-42BF-8E14-C3F91AAE653C}"/>
            </a:ext>
          </a:extLst>
        </xdr:cNvPr>
        <xdr:cNvSpPr/>
      </xdr:nvSpPr>
      <xdr:spPr>
        <a:xfrm>
          <a:off x="21272500" y="10990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68199</xdr:rowOff>
    </xdr:from>
    <xdr:to>
      <xdr:col>116</xdr:col>
      <xdr:colOff>63500</xdr:colOff>
      <xdr:row>64</xdr:row>
      <xdr:rowOff>78867</xdr:rowOff>
    </xdr:to>
    <xdr:cxnSp macro="">
      <xdr:nvCxnSpPr>
        <xdr:cNvPr id="696" name="直線コネクタ 695">
          <a:extLst>
            <a:ext uri="{FF2B5EF4-FFF2-40B4-BE49-F238E27FC236}">
              <a16:creationId xmlns:a16="http://schemas.microsoft.com/office/drawing/2014/main" id="{CBC9BB65-DFFA-4792-A072-049F973426F8}"/>
            </a:ext>
          </a:extLst>
        </xdr:cNvPr>
        <xdr:cNvCxnSpPr/>
      </xdr:nvCxnSpPr>
      <xdr:spPr>
        <a:xfrm>
          <a:off x="21323300" y="11040999"/>
          <a:ext cx="8382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28448</xdr:rowOff>
    </xdr:from>
    <xdr:to>
      <xdr:col>107</xdr:col>
      <xdr:colOff>101600</xdr:colOff>
      <xdr:row>64</xdr:row>
      <xdr:rowOff>130048</xdr:rowOff>
    </xdr:to>
    <xdr:sp macro="" textlink="">
      <xdr:nvSpPr>
        <xdr:cNvPr id="697" name="楕円 696">
          <a:extLst>
            <a:ext uri="{FF2B5EF4-FFF2-40B4-BE49-F238E27FC236}">
              <a16:creationId xmlns:a16="http://schemas.microsoft.com/office/drawing/2014/main" id="{9E984E9B-DA4D-47B8-8383-2D22AA059317}"/>
            </a:ext>
          </a:extLst>
        </xdr:cNvPr>
        <xdr:cNvSpPr/>
      </xdr:nvSpPr>
      <xdr:spPr>
        <a:xfrm>
          <a:off x="20383500" y="11001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68199</xdr:rowOff>
    </xdr:from>
    <xdr:to>
      <xdr:col>111</xdr:col>
      <xdr:colOff>177800</xdr:colOff>
      <xdr:row>64</xdr:row>
      <xdr:rowOff>79248</xdr:rowOff>
    </xdr:to>
    <xdr:cxnSp macro="">
      <xdr:nvCxnSpPr>
        <xdr:cNvPr id="698" name="直線コネクタ 697">
          <a:extLst>
            <a:ext uri="{FF2B5EF4-FFF2-40B4-BE49-F238E27FC236}">
              <a16:creationId xmlns:a16="http://schemas.microsoft.com/office/drawing/2014/main" id="{2C218294-0EDA-46B0-B684-A6DE9825E05D}"/>
            </a:ext>
          </a:extLst>
        </xdr:cNvPr>
        <xdr:cNvCxnSpPr/>
      </xdr:nvCxnSpPr>
      <xdr:spPr>
        <a:xfrm flipV="1">
          <a:off x="20434300" y="11040999"/>
          <a:ext cx="889000" cy="11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4</xdr:row>
      <xdr:rowOff>28448</xdr:rowOff>
    </xdr:from>
    <xdr:to>
      <xdr:col>102</xdr:col>
      <xdr:colOff>165100</xdr:colOff>
      <xdr:row>64</xdr:row>
      <xdr:rowOff>130048</xdr:rowOff>
    </xdr:to>
    <xdr:sp macro="" textlink="">
      <xdr:nvSpPr>
        <xdr:cNvPr id="699" name="楕円 698">
          <a:extLst>
            <a:ext uri="{FF2B5EF4-FFF2-40B4-BE49-F238E27FC236}">
              <a16:creationId xmlns:a16="http://schemas.microsoft.com/office/drawing/2014/main" id="{3E173360-F1DB-4FFB-A1CC-4B02A4C6DA8E}"/>
            </a:ext>
          </a:extLst>
        </xdr:cNvPr>
        <xdr:cNvSpPr/>
      </xdr:nvSpPr>
      <xdr:spPr>
        <a:xfrm>
          <a:off x="19494500" y="11001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79248</xdr:rowOff>
    </xdr:from>
    <xdr:to>
      <xdr:col>107</xdr:col>
      <xdr:colOff>50800</xdr:colOff>
      <xdr:row>64</xdr:row>
      <xdr:rowOff>79248</xdr:rowOff>
    </xdr:to>
    <xdr:cxnSp macro="">
      <xdr:nvCxnSpPr>
        <xdr:cNvPr id="700" name="直線コネクタ 699">
          <a:extLst>
            <a:ext uri="{FF2B5EF4-FFF2-40B4-BE49-F238E27FC236}">
              <a16:creationId xmlns:a16="http://schemas.microsoft.com/office/drawing/2014/main" id="{4B9CFF14-70CA-490A-99A3-BDEAF1885243}"/>
            </a:ext>
          </a:extLst>
        </xdr:cNvPr>
        <xdr:cNvCxnSpPr/>
      </xdr:nvCxnSpPr>
      <xdr:spPr>
        <a:xfrm>
          <a:off x="19545300" y="110520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4</xdr:row>
      <xdr:rowOff>28829</xdr:rowOff>
    </xdr:from>
    <xdr:to>
      <xdr:col>98</xdr:col>
      <xdr:colOff>38100</xdr:colOff>
      <xdr:row>64</xdr:row>
      <xdr:rowOff>130429</xdr:rowOff>
    </xdr:to>
    <xdr:sp macro="" textlink="">
      <xdr:nvSpPr>
        <xdr:cNvPr id="701" name="楕円 700">
          <a:extLst>
            <a:ext uri="{FF2B5EF4-FFF2-40B4-BE49-F238E27FC236}">
              <a16:creationId xmlns:a16="http://schemas.microsoft.com/office/drawing/2014/main" id="{8DEB5C71-3B2F-40D7-8DA0-C8A5F993EA77}"/>
            </a:ext>
          </a:extLst>
        </xdr:cNvPr>
        <xdr:cNvSpPr/>
      </xdr:nvSpPr>
      <xdr:spPr>
        <a:xfrm>
          <a:off x="18605500" y="1100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79248</xdr:rowOff>
    </xdr:from>
    <xdr:to>
      <xdr:col>102</xdr:col>
      <xdr:colOff>114300</xdr:colOff>
      <xdr:row>64</xdr:row>
      <xdr:rowOff>79629</xdr:rowOff>
    </xdr:to>
    <xdr:cxnSp macro="">
      <xdr:nvCxnSpPr>
        <xdr:cNvPr id="702" name="直線コネクタ 701">
          <a:extLst>
            <a:ext uri="{FF2B5EF4-FFF2-40B4-BE49-F238E27FC236}">
              <a16:creationId xmlns:a16="http://schemas.microsoft.com/office/drawing/2014/main" id="{D519393A-5182-4B16-BE39-A63F8FCD733F}"/>
            </a:ext>
          </a:extLst>
        </xdr:cNvPr>
        <xdr:cNvCxnSpPr/>
      </xdr:nvCxnSpPr>
      <xdr:spPr>
        <a:xfrm flipV="1">
          <a:off x="18656300" y="11052048"/>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44086</xdr:rowOff>
    </xdr:from>
    <xdr:ext cx="469744" cy="259045"/>
    <xdr:sp macro="" textlink="">
      <xdr:nvSpPr>
        <xdr:cNvPr id="703" name="n_1aveValue【学校施設】&#10;一人当たり面積">
          <a:extLst>
            <a:ext uri="{FF2B5EF4-FFF2-40B4-BE49-F238E27FC236}">
              <a16:creationId xmlns:a16="http://schemas.microsoft.com/office/drawing/2014/main" id="{585AFE1E-3CB9-454F-95D2-136A621D426B}"/>
            </a:ext>
          </a:extLst>
        </xdr:cNvPr>
        <xdr:cNvSpPr txBox="1"/>
      </xdr:nvSpPr>
      <xdr:spPr>
        <a:xfrm>
          <a:off x="21075727" y="106739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43324</xdr:rowOff>
    </xdr:from>
    <xdr:ext cx="469744" cy="259045"/>
    <xdr:sp macro="" textlink="">
      <xdr:nvSpPr>
        <xdr:cNvPr id="704" name="n_2aveValue【学校施設】&#10;一人当たり面積">
          <a:extLst>
            <a:ext uri="{FF2B5EF4-FFF2-40B4-BE49-F238E27FC236}">
              <a16:creationId xmlns:a16="http://schemas.microsoft.com/office/drawing/2014/main" id="{22C12A7A-6500-41B2-887A-F87766ADB622}"/>
            </a:ext>
          </a:extLst>
        </xdr:cNvPr>
        <xdr:cNvSpPr txBox="1"/>
      </xdr:nvSpPr>
      <xdr:spPr>
        <a:xfrm>
          <a:off x="20199427" y="10673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36085</xdr:rowOff>
    </xdr:from>
    <xdr:ext cx="469744" cy="259045"/>
    <xdr:sp macro="" textlink="">
      <xdr:nvSpPr>
        <xdr:cNvPr id="705" name="n_3aveValue【学校施設】&#10;一人当たり面積">
          <a:extLst>
            <a:ext uri="{FF2B5EF4-FFF2-40B4-BE49-F238E27FC236}">
              <a16:creationId xmlns:a16="http://schemas.microsoft.com/office/drawing/2014/main" id="{9774E407-E6E4-459E-8297-3BBF3B085C83}"/>
            </a:ext>
          </a:extLst>
        </xdr:cNvPr>
        <xdr:cNvSpPr txBox="1"/>
      </xdr:nvSpPr>
      <xdr:spPr>
        <a:xfrm>
          <a:off x="19310427" y="10665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41038</xdr:rowOff>
    </xdr:from>
    <xdr:ext cx="469744" cy="259045"/>
    <xdr:sp macro="" textlink="">
      <xdr:nvSpPr>
        <xdr:cNvPr id="706" name="n_4aveValue【学校施設】&#10;一人当たり面積">
          <a:extLst>
            <a:ext uri="{FF2B5EF4-FFF2-40B4-BE49-F238E27FC236}">
              <a16:creationId xmlns:a16="http://schemas.microsoft.com/office/drawing/2014/main" id="{3DB66B7C-62B2-44EC-9C43-FB73112A43FC}"/>
            </a:ext>
          </a:extLst>
        </xdr:cNvPr>
        <xdr:cNvSpPr txBox="1"/>
      </xdr:nvSpPr>
      <xdr:spPr>
        <a:xfrm>
          <a:off x="18421427" y="10670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10126</xdr:rowOff>
    </xdr:from>
    <xdr:ext cx="469744" cy="259045"/>
    <xdr:sp macro="" textlink="">
      <xdr:nvSpPr>
        <xdr:cNvPr id="707" name="n_1mainValue【学校施設】&#10;一人当たり面積">
          <a:extLst>
            <a:ext uri="{FF2B5EF4-FFF2-40B4-BE49-F238E27FC236}">
              <a16:creationId xmlns:a16="http://schemas.microsoft.com/office/drawing/2014/main" id="{6954AAF6-F4C9-4264-BA92-84FEFDD8D404}"/>
            </a:ext>
          </a:extLst>
        </xdr:cNvPr>
        <xdr:cNvSpPr txBox="1"/>
      </xdr:nvSpPr>
      <xdr:spPr>
        <a:xfrm>
          <a:off x="21075727" y="11082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21175</xdr:rowOff>
    </xdr:from>
    <xdr:ext cx="469744" cy="259045"/>
    <xdr:sp macro="" textlink="">
      <xdr:nvSpPr>
        <xdr:cNvPr id="708" name="n_2mainValue【学校施設】&#10;一人当たり面積">
          <a:extLst>
            <a:ext uri="{FF2B5EF4-FFF2-40B4-BE49-F238E27FC236}">
              <a16:creationId xmlns:a16="http://schemas.microsoft.com/office/drawing/2014/main" id="{91FBBD30-A6D6-4385-8971-8989388B33B7}"/>
            </a:ext>
          </a:extLst>
        </xdr:cNvPr>
        <xdr:cNvSpPr txBox="1"/>
      </xdr:nvSpPr>
      <xdr:spPr>
        <a:xfrm>
          <a:off x="20199427" y="1109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21175</xdr:rowOff>
    </xdr:from>
    <xdr:ext cx="469744" cy="259045"/>
    <xdr:sp macro="" textlink="">
      <xdr:nvSpPr>
        <xdr:cNvPr id="709" name="n_3mainValue【学校施設】&#10;一人当たり面積">
          <a:extLst>
            <a:ext uri="{FF2B5EF4-FFF2-40B4-BE49-F238E27FC236}">
              <a16:creationId xmlns:a16="http://schemas.microsoft.com/office/drawing/2014/main" id="{63BF287E-CD2B-4845-A114-C9A2191A3914}"/>
            </a:ext>
          </a:extLst>
        </xdr:cNvPr>
        <xdr:cNvSpPr txBox="1"/>
      </xdr:nvSpPr>
      <xdr:spPr>
        <a:xfrm>
          <a:off x="19310427" y="1109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21556</xdr:rowOff>
    </xdr:from>
    <xdr:ext cx="469744" cy="259045"/>
    <xdr:sp macro="" textlink="">
      <xdr:nvSpPr>
        <xdr:cNvPr id="710" name="n_4mainValue【学校施設】&#10;一人当たり面積">
          <a:extLst>
            <a:ext uri="{FF2B5EF4-FFF2-40B4-BE49-F238E27FC236}">
              <a16:creationId xmlns:a16="http://schemas.microsoft.com/office/drawing/2014/main" id="{973D3AC1-CE6A-458A-83E7-B1A74D4B37EA}"/>
            </a:ext>
          </a:extLst>
        </xdr:cNvPr>
        <xdr:cNvSpPr txBox="1"/>
      </xdr:nvSpPr>
      <xdr:spPr>
        <a:xfrm>
          <a:off x="18421427" y="11094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1" name="正方形/長方形 710">
          <a:extLst>
            <a:ext uri="{FF2B5EF4-FFF2-40B4-BE49-F238E27FC236}">
              <a16:creationId xmlns:a16="http://schemas.microsoft.com/office/drawing/2014/main" id="{512B3B55-C1E0-4079-9306-6C45268FA8C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2" name="正方形/長方形 711">
          <a:extLst>
            <a:ext uri="{FF2B5EF4-FFF2-40B4-BE49-F238E27FC236}">
              <a16:creationId xmlns:a16="http://schemas.microsoft.com/office/drawing/2014/main" id="{E06293DC-1AF7-40DB-81C1-D6629CF2885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3" name="正方形/長方形 712">
          <a:extLst>
            <a:ext uri="{FF2B5EF4-FFF2-40B4-BE49-F238E27FC236}">
              <a16:creationId xmlns:a16="http://schemas.microsoft.com/office/drawing/2014/main" id="{30E1E0FC-E870-4C17-8C54-446740B2460A}"/>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4" name="正方形/長方形 713">
          <a:extLst>
            <a:ext uri="{FF2B5EF4-FFF2-40B4-BE49-F238E27FC236}">
              <a16:creationId xmlns:a16="http://schemas.microsoft.com/office/drawing/2014/main" id="{28D3DB16-E23D-4A76-9A39-C1EBBF37CEE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5" name="正方形/長方形 714">
          <a:extLst>
            <a:ext uri="{FF2B5EF4-FFF2-40B4-BE49-F238E27FC236}">
              <a16:creationId xmlns:a16="http://schemas.microsoft.com/office/drawing/2014/main" id="{AB694789-C290-4727-9C88-B1D6F30499E3}"/>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6" name="正方形/長方形 715">
          <a:extLst>
            <a:ext uri="{FF2B5EF4-FFF2-40B4-BE49-F238E27FC236}">
              <a16:creationId xmlns:a16="http://schemas.microsoft.com/office/drawing/2014/main" id="{89736C33-7B9C-45F2-8D4E-722E2E7E1B95}"/>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7" name="正方形/長方形 716">
          <a:extLst>
            <a:ext uri="{FF2B5EF4-FFF2-40B4-BE49-F238E27FC236}">
              <a16:creationId xmlns:a16="http://schemas.microsoft.com/office/drawing/2014/main" id="{2F19118A-723B-4C8A-A0E6-7CE80DCC18EB}"/>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8" name="正方形/長方形 717">
          <a:extLst>
            <a:ext uri="{FF2B5EF4-FFF2-40B4-BE49-F238E27FC236}">
              <a16:creationId xmlns:a16="http://schemas.microsoft.com/office/drawing/2014/main" id="{E77ED1B1-176B-448F-B5A2-DD845D076C5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19" name="テキスト ボックス 718">
          <a:extLst>
            <a:ext uri="{FF2B5EF4-FFF2-40B4-BE49-F238E27FC236}">
              <a16:creationId xmlns:a16="http://schemas.microsoft.com/office/drawing/2014/main" id="{8B285EF6-3684-4BC9-8FC7-59EE27D99DE4}"/>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0" name="直線コネクタ 719">
          <a:extLst>
            <a:ext uri="{FF2B5EF4-FFF2-40B4-BE49-F238E27FC236}">
              <a16:creationId xmlns:a16="http://schemas.microsoft.com/office/drawing/2014/main" id="{6512B228-7123-423D-959B-D6DF35807934}"/>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1" name="テキスト ボックス 720">
          <a:extLst>
            <a:ext uri="{FF2B5EF4-FFF2-40B4-BE49-F238E27FC236}">
              <a16:creationId xmlns:a16="http://schemas.microsoft.com/office/drawing/2014/main" id="{1016F379-8061-437C-B5D4-5CDFEDB90296}"/>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22" name="直線コネクタ 721">
          <a:extLst>
            <a:ext uri="{FF2B5EF4-FFF2-40B4-BE49-F238E27FC236}">
              <a16:creationId xmlns:a16="http://schemas.microsoft.com/office/drawing/2014/main" id="{9EDD38B4-1C8D-4C94-8FFD-0F24C20FCC0E}"/>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23" name="テキスト ボックス 722">
          <a:extLst>
            <a:ext uri="{FF2B5EF4-FFF2-40B4-BE49-F238E27FC236}">
              <a16:creationId xmlns:a16="http://schemas.microsoft.com/office/drawing/2014/main" id="{C36F5DD1-696E-4D96-B784-BD015EF30169}"/>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24" name="直線コネクタ 723">
          <a:extLst>
            <a:ext uri="{FF2B5EF4-FFF2-40B4-BE49-F238E27FC236}">
              <a16:creationId xmlns:a16="http://schemas.microsoft.com/office/drawing/2014/main" id="{79EB92FD-1EE5-4DEF-931B-2254A34C19B8}"/>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25" name="テキスト ボックス 724">
          <a:extLst>
            <a:ext uri="{FF2B5EF4-FFF2-40B4-BE49-F238E27FC236}">
              <a16:creationId xmlns:a16="http://schemas.microsoft.com/office/drawing/2014/main" id="{15AFA91A-6AA4-4A1C-BFB0-77A807029032}"/>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26" name="直線コネクタ 725">
          <a:extLst>
            <a:ext uri="{FF2B5EF4-FFF2-40B4-BE49-F238E27FC236}">
              <a16:creationId xmlns:a16="http://schemas.microsoft.com/office/drawing/2014/main" id="{DA2C2C4E-FCC2-410B-B077-96D6F4A4091B}"/>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27" name="テキスト ボックス 726">
          <a:extLst>
            <a:ext uri="{FF2B5EF4-FFF2-40B4-BE49-F238E27FC236}">
              <a16:creationId xmlns:a16="http://schemas.microsoft.com/office/drawing/2014/main" id="{8CEA1E5E-59AF-4832-94D0-E70781739C52}"/>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28" name="直線コネクタ 727">
          <a:extLst>
            <a:ext uri="{FF2B5EF4-FFF2-40B4-BE49-F238E27FC236}">
              <a16:creationId xmlns:a16="http://schemas.microsoft.com/office/drawing/2014/main" id="{88A90D88-D4AA-4C7E-B667-787BA1A2FF6F}"/>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29" name="テキスト ボックス 728">
          <a:extLst>
            <a:ext uri="{FF2B5EF4-FFF2-40B4-BE49-F238E27FC236}">
              <a16:creationId xmlns:a16="http://schemas.microsoft.com/office/drawing/2014/main" id="{6420E85C-8701-4EED-A6C4-0AE93C7BC5F7}"/>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30" name="直線コネクタ 729">
          <a:extLst>
            <a:ext uri="{FF2B5EF4-FFF2-40B4-BE49-F238E27FC236}">
              <a16:creationId xmlns:a16="http://schemas.microsoft.com/office/drawing/2014/main" id="{546120F7-0419-4E36-A418-526668C6B47B}"/>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31" name="テキスト ボックス 730">
          <a:extLst>
            <a:ext uri="{FF2B5EF4-FFF2-40B4-BE49-F238E27FC236}">
              <a16:creationId xmlns:a16="http://schemas.microsoft.com/office/drawing/2014/main" id="{BE26E6BB-C6BB-4692-99E2-6856585A473D}"/>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32" name="直線コネクタ 731">
          <a:extLst>
            <a:ext uri="{FF2B5EF4-FFF2-40B4-BE49-F238E27FC236}">
              <a16:creationId xmlns:a16="http://schemas.microsoft.com/office/drawing/2014/main" id="{874ECDD9-E437-4192-AB5E-139E76827D33}"/>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33" name="テキスト ボックス 732">
          <a:extLst>
            <a:ext uri="{FF2B5EF4-FFF2-40B4-BE49-F238E27FC236}">
              <a16:creationId xmlns:a16="http://schemas.microsoft.com/office/drawing/2014/main" id="{0E9E8077-7175-4DF7-973B-950FD8127250}"/>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4" name="直線コネクタ 733">
          <a:extLst>
            <a:ext uri="{FF2B5EF4-FFF2-40B4-BE49-F238E27FC236}">
              <a16:creationId xmlns:a16="http://schemas.microsoft.com/office/drawing/2014/main" id="{3EBC3BE6-23F4-4EB4-951C-1FF3E21F8525}"/>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5" name="【児童館】&#10;有形固定資産減価償却率グラフ枠">
          <a:extLst>
            <a:ext uri="{FF2B5EF4-FFF2-40B4-BE49-F238E27FC236}">
              <a16:creationId xmlns:a16="http://schemas.microsoft.com/office/drawing/2014/main" id="{2480B92D-6EC0-4199-A5FD-8405FEC3ECC5}"/>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70362</xdr:rowOff>
    </xdr:from>
    <xdr:to>
      <xdr:col>85</xdr:col>
      <xdr:colOff>126364</xdr:colOff>
      <xdr:row>86</xdr:row>
      <xdr:rowOff>168729</xdr:rowOff>
    </xdr:to>
    <xdr:cxnSp macro="">
      <xdr:nvCxnSpPr>
        <xdr:cNvPr id="736" name="直線コネクタ 735">
          <a:extLst>
            <a:ext uri="{FF2B5EF4-FFF2-40B4-BE49-F238E27FC236}">
              <a16:creationId xmlns:a16="http://schemas.microsoft.com/office/drawing/2014/main" id="{FA27640D-F1C3-4B9B-88CE-EB6AF7DDDBE9}"/>
            </a:ext>
          </a:extLst>
        </xdr:cNvPr>
        <xdr:cNvCxnSpPr/>
      </xdr:nvCxnSpPr>
      <xdr:spPr>
        <a:xfrm flipV="1">
          <a:off x="16318864" y="13543462"/>
          <a:ext cx="0" cy="13699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737" name="【児童館】&#10;有形固定資産減価償却率最小値テキスト">
          <a:extLst>
            <a:ext uri="{FF2B5EF4-FFF2-40B4-BE49-F238E27FC236}">
              <a16:creationId xmlns:a16="http://schemas.microsoft.com/office/drawing/2014/main" id="{052158B7-8A4B-408F-9854-A5F63D19A26B}"/>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738" name="直線コネクタ 737">
          <a:extLst>
            <a:ext uri="{FF2B5EF4-FFF2-40B4-BE49-F238E27FC236}">
              <a16:creationId xmlns:a16="http://schemas.microsoft.com/office/drawing/2014/main" id="{7FEB4C50-D26F-4C35-80FF-3D699BC46904}"/>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17039</xdr:rowOff>
    </xdr:from>
    <xdr:ext cx="405111" cy="259045"/>
    <xdr:sp macro="" textlink="">
      <xdr:nvSpPr>
        <xdr:cNvPr id="739" name="【児童館】&#10;有形固定資産減価償却率最大値テキスト">
          <a:extLst>
            <a:ext uri="{FF2B5EF4-FFF2-40B4-BE49-F238E27FC236}">
              <a16:creationId xmlns:a16="http://schemas.microsoft.com/office/drawing/2014/main" id="{9C48B7F3-FAAC-48E5-97B5-9DC035058CD1}"/>
            </a:ext>
          </a:extLst>
        </xdr:cNvPr>
        <xdr:cNvSpPr txBox="1"/>
      </xdr:nvSpPr>
      <xdr:spPr>
        <a:xfrm>
          <a:off x="16357600" y="13318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70362</xdr:rowOff>
    </xdr:from>
    <xdr:to>
      <xdr:col>86</xdr:col>
      <xdr:colOff>25400</xdr:colOff>
      <xdr:row>78</xdr:row>
      <xdr:rowOff>170362</xdr:rowOff>
    </xdr:to>
    <xdr:cxnSp macro="">
      <xdr:nvCxnSpPr>
        <xdr:cNvPr id="740" name="直線コネクタ 739">
          <a:extLst>
            <a:ext uri="{FF2B5EF4-FFF2-40B4-BE49-F238E27FC236}">
              <a16:creationId xmlns:a16="http://schemas.microsoft.com/office/drawing/2014/main" id="{5EE3550E-E408-429E-954F-2ACA55813F51}"/>
            </a:ext>
          </a:extLst>
        </xdr:cNvPr>
        <xdr:cNvCxnSpPr/>
      </xdr:nvCxnSpPr>
      <xdr:spPr>
        <a:xfrm>
          <a:off x="16230600" y="135434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94722</xdr:rowOff>
    </xdr:from>
    <xdr:ext cx="405111" cy="259045"/>
    <xdr:sp macro="" textlink="">
      <xdr:nvSpPr>
        <xdr:cNvPr id="741" name="【児童館】&#10;有形固定資産減価償却率平均値テキスト">
          <a:extLst>
            <a:ext uri="{FF2B5EF4-FFF2-40B4-BE49-F238E27FC236}">
              <a16:creationId xmlns:a16="http://schemas.microsoft.com/office/drawing/2014/main" id="{66BCE8F1-A543-4674-88F5-808200664B7D}"/>
            </a:ext>
          </a:extLst>
        </xdr:cNvPr>
        <xdr:cNvSpPr txBox="1"/>
      </xdr:nvSpPr>
      <xdr:spPr>
        <a:xfrm>
          <a:off x="16357600" y="141536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6295</xdr:rowOff>
    </xdr:from>
    <xdr:to>
      <xdr:col>85</xdr:col>
      <xdr:colOff>177800</xdr:colOff>
      <xdr:row>83</xdr:row>
      <xdr:rowOff>46445</xdr:rowOff>
    </xdr:to>
    <xdr:sp macro="" textlink="">
      <xdr:nvSpPr>
        <xdr:cNvPr id="742" name="フローチャート: 判断 741">
          <a:extLst>
            <a:ext uri="{FF2B5EF4-FFF2-40B4-BE49-F238E27FC236}">
              <a16:creationId xmlns:a16="http://schemas.microsoft.com/office/drawing/2014/main" id="{2385BCE2-8843-4B2C-A60A-A997C516E5F8}"/>
            </a:ext>
          </a:extLst>
        </xdr:cNvPr>
        <xdr:cNvSpPr/>
      </xdr:nvSpPr>
      <xdr:spPr>
        <a:xfrm>
          <a:off x="16268700" y="1417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6701</xdr:rowOff>
    </xdr:from>
    <xdr:to>
      <xdr:col>81</xdr:col>
      <xdr:colOff>101600</xdr:colOff>
      <xdr:row>83</xdr:row>
      <xdr:rowOff>26851</xdr:rowOff>
    </xdr:to>
    <xdr:sp macro="" textlink="">
      <xdr:nvSpPr>
        <xdr:cNvPr id="743" name="フローチャート: 判断 742">
          <a:extLst>
            <a:ext uri="{FF2B5EF4-FFF2-40B4-BE49-F238E27FC236}">
              <a16:creationId xmlns:a16="http://schemas.microsoft.com/office/drawing/2014/main" id="{A9084F85-95BF-40EF-A587-EA50BC85FC4A}"/>
            </a:ext>
          </a:extLst>
        </xdr:cNvPr>
        <xdr:cNvSpPr/>
      </xdr:nvSpPr>
      <xdr:spPr>
        <a:xfrm>
          <a:off x="15430500" y="14155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91802</xdr:rowOff>
    </xdr:from>
    <xdr:to>
      <xdr:col>76</xdr:col>
      <xdr:colOff>165100</xdr:colOff>
      <xdr:row>83</xdr:row>
      <xdr:rowOff>21952</xdr:rowOff>
    </xdr:to>
    <xdr:sp macro="" textlink="">
      <xdr:nvSpPr>
        <xdr:cNvPr id="744" name="フローチャート: 判断 743">
          <a:extLst>
            <a:ext uri="{FF2B5EF4-FFF2-40B4-BE49-F238E27FC236}">
              <a16:creationId xmlns:a16="http://schemas.microsoft.com/office/drawing/2014/main" id="{BBFFF9B9-20E0-454E-97A4-C3F101647BFE}"/>
            </a:ext>
          </a:extLst>
        </xdr:cNvPr>
        <xdr:cNvSpPr/>
      </xdr:nvSpPr>
      <xdr:spPr>
        <a:xfrm>
          <a:off x="14541500" y="14150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9957</xdr:rowOff>
    </xdr:from>
    <xdr:to>
      <xdr:col>72</xdr:col>
      <xdr:colOff>38100</xdr:colOff>
      <xdr:row>82</xdr:row>
      <xdr:rowOff>121557</xdr:rowOff>
    </xdr:to>
    <xdr:sp macro="" textlink="">
      <xdr:nvSpPr>
        <xdr:cNvPr id="745" name="フローチャート: 判断 744">
          <a:extLst>
            <a:ext uri="{FF2B5EF4-FFF2-40B4-BE49-F238E27FC236}">
              <a16:creationId xmlns:a16="http://schemas.microsoft.com/office/drawing/2014/main" id="{BE587DB4-D197-4ACD-B30D-1B18D2C7F04F}"/>
            </a:ext>
          </a:extLst>
        </xdr:cNvPr>
        <xdr:cNvSpPr/>
      </xdr:nvSpPr>
      <xdr:spPr>
        <a:xfrm>
          <a:off x="13652500" y="1407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13030</xdr:rowOff>
    </xdr:from>
    <xdr:to>
      <xdr:col>67</xdr:col>
      <xdr:colOff>101600</xdr:colOff>
      <xdr:row>82</xdr:row>
      <xdr:rowOff>43180</xdr:rowOff>
    </xdr:to>
    <xdr:sp macro="" textlink="">
      <xdr:nvSpPr>
        <xdr:cNvPr id="746" name="フローチャート: 判断 745">
          <a:extLst>
            <a:ext uri="{FF2B5EF4-FFF2-40B4-BE49-F238E27FC236}">
              <a16:creationId xmlns:a16="http://schemas.microsoft.com/office/drawing/2014/main" id="{8D3BC7F8-6814-4B4A-A6AA-A4AA8ED79AA0}"/>
            </a:ext>
          </a:extLst>
        </xdr:cNvPr>
        <xdr:cNvSpPr/>
      </xdr:nvSpPr>
      <xdr:spPr>
        <a:xfrm>
          <a:off x="12763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7" name="テキスト ボックス 746">
          <a:extLst>
            <a:ext uri="{FF2B5EF4-FFF2-40B4-BE49-F238E27FC236}">
              <a16:creationId xmlns:a16="http://schemas.microsoft.com/office/drawing/2014/main" id="{36EFE385-81C5-4773-994F-520E68E298AE}"/>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8" name="テキスト ボックス 747">
          <a:extLst>
            <a:ext uri="{FF2B5EF4-FFF2-40B4-BE49-F238E27FC236}">
              <a16:creationId xmlns:a16="http://schemas.microsoft.com/office/drawing/2014/main" id="{A6818786-29E9-4F60-A5D0-3FA3BE1E89FD}"/>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9" name="テキスト ボックス 748">
          <a:extLst>
            <a:ext uri="{FF2B5EF4-FFF2-40B4-BE49-F238E27FC236}">
              <a16:creationId xmlns:a16="http://schemas.microsoft.com/office/drawing/2014/main" id="{F678D878-6078-439F-BF96-9B48666193AF}"/>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0" name="テキスト ボックス 749">
          <a:extLst>
            <a:ext uri="{FF2B5EF4-FFF2-40B4-BE49-F238E27FC236}">
              <a16:creationId xmlns:a16="http://schemas.microsoft.com/office/drawing/2014/main" id="{6F4179D3-F9C6-49FF-BF7F-A86500413D68}"/>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1" name="テキスト ボックス 750">
          <a:extLst>
            <a:ext uri="{FF2B5EF4-FFF2-40B4-BE49-F238E27FC236}">
              <a16:creationId xmlns:a16="http://schemas.microsoft.com/office/drawing/2014/main" id="{634D80D1-CDCD-413D-A964-D6A8E9BFFCE1}"/>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21194</xdr:rowOff>
    </xdr:from>
    <xdr:to>
      <xdr:col>81</xdr:col>
      <xdr:colOff>101600</xdr:colOff>
      <xdr:row>79</xdr:row>
      <xdr:rowOff>51344</xdr:rowOff>
    </xdr:to>
    <xdr:sp macro="" textlink="">
      <xdr:nvSpPr>
        <xdr:cNvPr id="752" name="楕円 751">
          <a:extLst>
            <a:ext uri="{FF2B5EF4-FFF2-40B4-BE49-F238E27FC236}">
              <a16:creationId xmlns:a16="http://schemas.microsoft.com/office/drawing/2014/main" id="{C60EED35-51C0-453F-AAE8-1B951A765F45}"/>
            </a:ext>
          </a:extLst>
        </xdr:cNvPr>
        <xdr:cNvSpPr/>
      </xdr:nvSpPr>
      <xdr:spPr>
        <a:xfrm>
          <a:off x="15430500" y="13494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78</xdr:row>
      <xdr:rowOff>64044</xdr:rowOff>
    </xdr:from>
    <xdr:to>
      <xdr:col>76</xdr:col>
      <xdr:colOff>165100</xdr:colOff>
      <xdr:row>78</xdr:row>
      <xdr:rowOff>165644</xdr:rowOff>
    </xdr:to>
    <xdr:sp macro="" textlink="">
      <xdr:nvSpPr>
        <xdr:cNvPr id="753" name="楕円 752">
          <a:extLst>
            <a:ext uri="{FF2B5EF4-FFF2-40B4-BE49-F238E27FC236}">
              <a16:creationId xmlns:a16="http://schemas.microsoft.com/office/drawing/2014/main" id="{6C704E58-083E-47D6-B6D0-0ACF2EA0822E}"/>
            </a:ext>
          </a:extLst>
        </xdr:cNvPr>
        <xdr:cNvSpPr/>
      </xdr:nvSpPr>
      <xdr:spPr>
        <a:xfrm>
          <a:off x="14541500" y="13437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14844</xdr:rowOff>
    </xdr:from>
    <xdr:to>
      <xdr:col>81</xdr:col>
      <xdr:colOff>50800</xdr:colOff>
      <xdr:row>79</xdr:row>
      <xdr:rowOff>544</xdr:rowOff>
    </xdr:to>
    <xdr:cxnSp macro="">
      <xdr:nvCxnSpPr>
        <xdr:cNvPr id="754" name="直線コネクタ 753">
          <a:extLst>
            <a:ext uri="{FF2B5EF4-FFF2-40B4-BE49-F238E27FC236}">
              <a16:creationId xmlns:a16="http://schemas.microsoft.com/office/drawing/2014/main" id="{F8FDC2E5-5EA8-42F0-B609-01F16EE5E883}"/>
            </a:ext>
          </a:extLst>
        </xdr:cNvPr>
        <xdr:cNvCxnSpPr/>
      </xdr:nvCxnSpPr>
      <xdr:spPr>
        <a:xfrm>
          <a:off x="14592300" y="13487944"/>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894</xdr:rowOff>
    </xdr:from>
    <xdr:to>
      <xdr:col>72</xdr:col>
      <xdr:colOff>38100</xdr:colOff>
      <xdr:row>78</xdr:row>
      <xdr:rowOff>108494</xdr:rowOff>
    </xdr:to>
    <xdr:sp macro="" textlink="">
      <xdr:nvSpPr>
        <xdr:cNvPr id="755" name="楕円 754">
          <a:extLst>
            <a:ext uri="{FF2B5EF4-FFF2-40B4-BE49-F238E27FC236}">
              <a16:creationId xmlns:a16="http://schemas.microsoft.com/office/drawing/2014/main" id="{6568D350-5532-4E93-9A09-98973AB00993}"/>
            </a:ext>
          </a:extLst>
        </xdr:cNvPr>
        <xdr:cNvSpPr/>
      </xdr:nvSpPr>
      <xdr:spPr>
        <a:xfrm>
          <a:off x="13652500" y="1337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57694</xdr:rowOff>
    </xdr:from>
    <xdr:to>
      <xdr:col>76</xdr:col>
      <xdr:colOff>114300</xdr:colOff>
      <xdr:row>78</xdr:row>
      <xdr:rowOff>114844</xdr:rowOff>
    </xdr:to>
    <xdr:cxnSp macro="">
      <xdr:nvCxnSpPr>
        <xdr:cNvPr id="756" name="直線コネクタ 755">
          <a:extLst>
            <a:ext uri="{FF2B5EF4-FFF2-40B4-BE49-F238E27FC236}">
              <a16:creationId xmlns:a16="http://schemas.microsoft.com/office/drawing/2014/main" id="{36C0A0D9-9546-4722-A34D-8385625565A2}"/>
            </a:ext>
          </a:extLst>
        </xdr:cNvPr>
        <xdr:cNvCxnSpPr/>
      </xdr:nvCxnSpPr>
      <xdr:spPr>
        <a:xfrm>
          <a:off x="13703300" y="13430794"/>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7978</xdr:rowOff>
    </xdr:from>
    <xdr:ext cx="405111" cy="259045"/>
    <xdr:sp macro="" textlink="">
      <xdr:nvSpPr>
        <xdr:cNvPr id="757" name="n_1aveValue【児童館】&#10;有形固定資産減価償却率">
          <a:extLst>
            <a:ext uri="{FF2B5EF4-FFF2-40B4-BE49-F238E27FC236}">
              <a16:creationId xmlns:a16="http://schemas.microsoft.com/office/drawing/2014/main" id="{430C8A70-71BD-4A62-A509-94BA13D2547E}"/>
            </a:ext>
          </a:extLst>
        </xdr:cNvPr>
        <xdr:cNvSpPr txBox="1"/>
      </xdr:nvSpPr>
      <xdr:spPr>
        <a:xfrm>
          <a:off x="15266044" y="142483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3079</xdr:rowOff>
    </xdr:from>
    <xdr:ext cx="405111" cy="259045"/>
    <xdr:sp macro="" textlink="">
      <xdr:nvSpPr>
        <xdr:cNvPr id="758" name="n_2aveValue【児童館】&#10;有形固定資産減価償却率">
          <a:extLst>
            <a:ext uri="{FF2B5EF4-FFF2-40B4-BE49-F238E27FC236}">
              <a16:creationId xmlns:a16="http://schemas.microsoft.com/office/drawing/2014/main" id="{46F6EEBE-9234-4B14-B533-A8F6D313B82B}"/>
            </a:ext>
          </a:extLst>
        </xdr:cNvPr>
        <xdr:cNvSpPr txBox="1"/>
      </xdr:nvSpPr>
      <xdr:spPr>
        <a:xfrm>
          <a:off x="14389744" y="14243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12684</xdr:rowOff>
    </xdr:from>
    <xdr:ext cx="405111" cy="259045"/>
    <xdr:sp macro="" textlink="">
      <xdr:nvSpPr>
        <xdr:cNvPr id="759" name="n_3aveValue【児童館】&#10;有形固定資産減価償却率">
          <a:extLst>
            <a:ext uri="{FF2B5EF4-FFF2-40B4-BE49-F238E27FC236}">
              <a16:creationId xmlns:a16="http://schemas.microsoft.com/office/drawing/2014/main" id="{70E74129-DF4F-4483-805D-2F61E8A1952B}"/>
            </a:ext>
          </a:extLst>
        </xdr:cNvPr>
        <xdr:cNvSpPr txBox="1"/>
      </xdr:nvSpPr>
      <xdr:spPr>
        <a:xfrm>
          <a:off x="13500744" y="1417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59707</xdr:rowOff>
    </xdr:from>
    <xdr:ext cx="405111" cy="259045"/>
    <xdr:sp macro="" textlink="">
      <xdr:nvSpPr>
        <xdr:cNvPr id="760" name="n_4aveValue【児童館】&#10;有形固定資産減価償却率">
          <a:extLst>
            <a:ext uri="{FF2B5EF4-FFF2-40B4-BE49-F238E27FC236}">
              <a16:creationId xmlns:a16="http://schemas.microsoft.com/office/drawing/2014/main" id="{3A985E79-1470-4882-8DD7-59A89BCBD5DA}"/>
            </a:ext>
          </a:extLst>
        </xdr:cNvPr>
        <xdr:cNvSpPr txBox="1"/>
      </xdr:nvSpPr>
      <xdr:spPr>
        <a:xfrm>
          <a:off x="12611744" y="1377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67871</xdr:rowOff>
    </xdr:from>
    <xdr:ext cx="405111" cy="259045"/>
    <xdr:sp macro="" textlink="">
      <xdr:nvSpPr>
        <xdr:cNvPr id="761" name="n_1mainValue【児童館】&#10;有形固定資産減価償却率">
          <a:extLst>
            <a:ext uri="{FF2B5EF4-FFF2-40B4-BE49-F238E27FC236}">
              <a16:creationId xmlns:a16="http://schemas.microsoft.com/office/drawing/2014/main" id="{B81D2E5C-1DCC-4E62-BDD6-96ACAF414E2E}"/>
            </a:ext>
          </a:extLst>
        </xdr:cNvPr>
        <xdr:cNvSpPr txBox="1"/>
      </xdr:nvSpPr>
      <xdr:spPr>
        <a:xfrm>
          <a:off x="15266044" y="1326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10721</xdr:rowOff>
    </xdr:from>
    <xdr:ext cx="405111" cy="259045"/>
    <xdr:sp macro="" textlink="">
      <xdr:nvSpPr>
        <xdr:cNvPr id="762" name="n_2mainValue【児童館】&#10;有形固定資産減価償却率">
          <a:extLst>
            <a:ext uri="{FF2B5EF4-FFF2-40B4-BE49-F238E27FC236}">
              <a16:creationId xmlns:a16="http://schemas.microsoft.com/office/drawing/2014/main" id="{0EE9B345-3AE5-4EAD-895B-D2C3EC14280A}"/>
            </a:ext>
          </a:extLst>
        </xdr:cNvPr>
        <xdr:cNvSpPr txBox="1"/>
      </xdr:nvSpPr>
      <xdr:spPr>
        <a:xfrm>
          <a:off x="14389744" y="13212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7561</xdr:colOff>
      <xdr:row>76</xdr:row>
      <xdr:rowOff>125021</xdr:rowOff>
    </xdr:from>
    <xdr:ext cx="340478" cy="259045"/>
    <xdr:sp macro="" textlink="">
      <xdr:nvSpPr>
        <xdr:cNvPr id="763" name="n_3mainValue【児童館】&#10;有形固定資産減価償却率">
          <a:extLst>
            <a:ext uri="{FF2B5EF4-FFF2-40B4-BE49-F238E27FC236}">
              <a16:creationId xmlns:a16="http://schemas.microsoft.com/office/drawing/2014/main" id="{6546E017-9228-40E2-A3CC-A3A695A9588E}"/>
            </a:ext>
          </a:extLst>
        </xdr:cNvPr>
        <xdr:cNvSpPr txBox="1"/>
      </xdr:nvSpPr>
      <xdr:spPr>
        <a:xfrm>
          <a:off x="13533061" y="131552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4" name="正方形/長方形 763">
          <a:extLst>
            <a:ext uri="{FF2B5EF4-FFF2-40B4-BE49-F238E27FC236}">
              <a16:creationId xmlns:a16="http://schemas.microsoft.com/office/drawing/2014/main" id="{4DEFFC1B-ED97-47DE-9DFF-BADA6D1549FD}"/>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65" name="正方形/長方形 764">
          <a:extLst>
            <a:ext uri="{FF2B5EF4-FFF2-40B4-BE49-F238E27FC236}">
              <a16:creationId xmlns:a16="http://schemas.microsoft.com/office/drawing/2014/main" id="{740F74EC-E1CD-4EF2-AF5F-DB22D02ADB0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66" name="正方形/長方形 765">
          <a:extLst>
            <a:ext uri="{FF2B5EF4-FFF2-40B4-BE49-F238E27FC236}">
              <a16:creationId xmlns:a16="http://schemas.microsoft.com/office/drawing/2014/main" id="{C93B87AB-7771-4015-83B2-46585C45A786}"/>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67" name="正方形/長方形 766">
          <a:extLst>
            <a:ext uri="{FF2B5EF4-FFF2-40B4-BE49-F238E27FC236}">
              <a16:creationId xmlns:a16="http://schemas.microsoft.com/office/drawing/2014/main" id="{B813796C-D0A4-4DF1-87D8-6B225C7FE6E2}"/>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68" name="正方形/長方形 767">
          <a:extLst>
            <a:ext uri="{FF2B5EF4-FFF2-40B4-BE49-F238E27FC236}">
              <a16:creationId xmlns:a16="http://schemas.microsoft.com/office/drawing/2014/main" id="{07A973BB-31B6-4E5D-9A87-97360D210429}"/>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69" name="正方形/長方形 768">
          <a:extLst>
            <a:ext uri="{FF2B5EF4-FFF2-40B4-BE49-F238E27FC236}">
              <a16:creationId xmlns:a16="http://schemas.microsoft.com/office/drawing/2014/main" id="{98F2749D-9917-49A1-AA3F-BA209CD92BCE}"/>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0" name="正方形/長方形 769">
          <a:extLst>
            <a:ext uri="{FF2B5EF4-FFF2-40B4-BE49-F238E27FC236}">
              <a16:creationId xmlns:a16="http://schemas.microsoft.com/office/drawing/2014/main" id="{CD2A9A8F-00EF-4048-8DDC-90F8464E554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1" name="正方形/長方形 770">
          <a:extLst>
            <a:ext uri="{FF2B5EF4-FFF2-40B4-BE49-F238E27FC236}">
              <a16:creationId xmlns:a16="http://schemas.microsoft.com/office/drawing/2014/main" id="{0ECBD92C-3CD6-47A1-B001-4B0C8D303C25}"/>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2" name="テキスト ボックス 771">
          <a:extLst>
            <a:ext uri="{FF2B5EF4-FFF2-40B4-BE49-F238E27FC236}">
              <a16:creationId xmlns:a16="http://schemas.microsoft.com/office/drawing/2014/main" id="{B44D4642-AC4D-45F8-8712-31374F7DB94A}"/>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3" name="直線コネクタ 772">
          <a:extLst>
            <a:ext uri="{FF2B5EF4-FFF2-40B4-BE49-F238E27FC236}">
              <a16:creationId xmlns:a16="http://schemas.microsoft.com/office/drawing/2014/main" id="{6AAC905E-5CC3-40D7-ACB0-469131F38AB9}"/>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74" name="直線コネクタ 773">
          <a:extLst>
            <a:ext uri="{FF2B5EF4-FFF2-40B4-BE49-F238E27FC236}">
              <a16:creationId xmlns:a16="http://schemas.microsoft.com/office/drawing/2014/main" id="{487DBDEF-3BE5-4A68-8E16-98B05FF572C6}"/>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75" name="テキスト ボックス 774">
          <a:extLst>
            <a:ext uri="{FF2B5EF4-FFF2-40B4-BE49-F238E27FC236}">
              <a16:creationId xmlns:a16="http://schemas.microsoft.com/office/drawing/2014/main" id="{AB9F3D03-62AD-4620-8314-8B8F867C5651}"/>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76" name="直線コネクタ 775">
          <a:extLst>
            <a:ext uri="{FF2B5EF4-FFF2-40B4-BE49-F238E27FC236}">
              <a16:creationId xmlns:a16="http://schemas.microsoft.com/office/drawing/2014/main" id="{72B6CC5C-2BEF-4D25-B7F3-A7FB80538AFE}"/>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77" name="テキスト ボックス 776">
          <a:extLst>
            <a:ext uri="{FF2B5EF4-FFF2-40B4-BE49-F238E27FC236}">
              <a16:creationId xmlns:a16="http://schemas.microsoft.com/office/drawing/2014/main" id="{C954B7DF-C105-4204-A6BE-EFDECBF64A2F}"/>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78" name="直線コネクタ 777">
          <a:extLst>
            <a:ext uri="{FF2B5EF4-FFF2-40B4-BE49-F238E27FC236}">
              <a16:creationId xmlns:a16="http://schemas.microsoft.com/office/drawing/2014/main" id="{986DE16E-33C0-42F2-A99B-9458C9A38A8E}"/>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79" name="テキスト ボックス 778">
          <a:extLst>
            <a:ext uri="{FF2B5EF4-FFF2-40B4-BE49-F238E27FC236}">
              <a16:creationId xmlns:a16="http://schemas.microsoft.com/office/drawing/2014/main" id="{3AA73B86-A982-4C05-A9F6-BE1DA680F0B3}"/>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0" name="直線コネクタ 779">
          <a:extLst>
            <a:ext uri="{FF2B5EF4-FFF2-40B4-BE49-F238E27FC236}">
              <a16:creationId xmlns:a16="http://schemas.microsoft.com/office/drawing/2014/main" id="{6BF9E47B-6D6E-4F1C-9937-20C436530008}"/>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1" name="テキスト ボックス 780">
          <a:extLst>
            <a:ext uri="{FF2B5EF4-FFF2-40B4-BE49-F238E27FC236}">
              <a16:creationId xmlns:a16="http://schemas.microsoft.com/office/drawing/2014/main" id="{C96DB25F-12A5-46CD-8A44-235A96060767}"/>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2" name="直線コネクタ 781">
          <a:extLst>
            <a:ext uri="{FF2B5EF4-FFF2-40B4-BE49-F238E27FC236}">
              <a16:creationId xmlns:a16="http://schemas.microsoft.com/office/drawing/2014/main" id="{533C70EF-020C-4782-9B57-5239992A4476}"/>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3" name="テキスト ボックス 782">
          <a:extLst>
            <a:ext uri="{FF2B5EF4-FFF2-40B4-BE49-F238E27FC236}">
              <a16:creationId xmlns:a16="http://schemas.microsoft.com/office/drawing/2014/main" id="{D2BB9871-553D-498F-90A0-08D770B8155A}"/>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84" name="直線コネクタ 783">
          <a:extLst>
            <a:ext uri="{FF2B5EF4-FFF2-40B4-BE49-F238E27FC236}">
              <a16:creationId xmlns:a16="http://schemas.microsoft.com/office/drawing/2014/main" id="{1A07CAB8-E3A3-4F6D-A605-F5317850B937}"/>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85" name="テキスト ボックス 784">
          <a:extLst>
            <a:ext uri="{FF2B5EF4-FFF2-40B4-BE49-F238E27FC236}">
              <a16:creationId xmlns:a16="http://schemas.microsoft.com/office/drawing/2014/main" id="{54A41FA0-3952-4DA3-A634-57B77F2B1A09}"/>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86" name="【児童館】&#10;一人当たり面積グラフ枠">
          <a:extLst>
            <a:ext uri="{FF2B5EF4-FFF2-40B4-BE49-F238E27FC236}">
              <a16:creationId xmlns:a16="http://schemas.microsoft.com/office/drawing/2014/main" id="{1AC4C929-6C23-4D32-A3F3-389AC9766121}"/>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6</xdr:row>
      <xdr:rowOff>76200</xdr:rowOff>
    </xdr:to>
    <xdr:cxnSp macro="">
      <xdr:nvCxnSpPr>
        <xdr:cNvPr id="787" name="直線コネクタ 786">
          <a:extLst>
            <a:ext uri="{FF2B5EF4-FFF2-40B4-BE49-F238E27FC236}">
              <a16:creationId xmlns:a16="http://schemas.microsoft.com/office/drawing/2014/main" id="{AF0E482E-938B-46E8-8289-84A9D49F6787}"/>
            </a:ext>
          </a:extLst>
        </xdr:cNvPr>
        <xdr:cNvCxnSpPr/>
      </xdr:nvCxnSpPr>
      <xdr:spPr>
        <a:xfrm flipV="1">
          <a:off x="22160864" y="132969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88" name="【児童館】&#10;一人当たり面積最小値テキスト">
          <a:extLst>
            <a:ext uri="{FF2B5EF4-FFF2-40B4-BE49-F238E27FC236}">
              <a16:creationId xmlns:a16="http://schemas.microsoft.com/office/drawing/2014/main" id="{A3BFB154-07AB-4B62-B8FA-D6EDE9567E93}"/>
            </a:ext>
          </a:extLst>
        </xdr:cNvPr>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89" name="直線コネクタ 788">
          <a:extLst>
            <a:ext uri="{FF2B5EF4-FFF2-40B4-BE49-F238E27FC236}">
              <a16:creationId xmlns:a16="http://schemas.microsoft.com/office/drawing/2014/main" id="{DF5955C0-A9F7-44E2-88DE-A6738A4D4775}"/>
            </a:ext>
          </a:extLst>
        </xdr:cNvPr>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790" name="【児童館】&#10;一人当たり面積最大値テキスト">
          <a:extLst>
            <a:ext uri="{FF2B5EF4-FFF2-40B4-BE49-F238E27FC236}">
              <a16:creationId xmlns:a16="http://schemas.microsoft.com/office/drawing/2014/main" id="{2C232684-4F6D-44CC-9287-4B403C3E6D8F}"/>
            </a:ext>
          </a:extLst>
        </xdr:cNvPr>
        <xdr:cNvSpPr txBox="1"/>
      </xdr:nvSpPr>
      <xdr:spPr>
        <a:xfrm>
          <a:off x="22199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791" name="直線コネクタ 790">
          <a:extLst>
            <a:ext uri="{FF2B5EF4-FFF2-40B4-BE49-F238E27FC236}">
              <a16:creationId xmlns:a16="http://schemas.microsoft.com/office/drawing/2014/main" id="{E530E1A7-3395-42F8-9F44-830653AE6156}"/>
            </a:ext>
          </a:extLst>
        </xdr:cNvPr>
        <xdr:cNvCxnSpPr/>
      </xdr:nvCxnSpPr>
      <xdr:spPr>
        <a:xfrm>
          <a:off x="22072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60977</xdr:rowOff>
    </xdr:from>
    <xdr:ext cx="469744" cy="259045"/>
    <xdr:sp macro="" textlink="">
      <xdr:nvSpPr>
        <xdr:cNvPr id="792" name="【児童館】&#10;一人当たり面積平均値テキスト">
          <a:extLst>
            <a:ext uri="{FF2B5EF4-FFF2-40B4-BE49-F238E27FC236}">
              <a16:creationId xmlns:a16="http://schemas.microsoft.com/office/drawing/2014/main" id="{D4671CE1-DBB1-42FB-AA64-B1B10CD62898}"/>
            </a:ext>
          </a:extLst>
        </xdr:cNvPr>
        <xdr:cNvSpPr txBox="1"/>
      </xdr:nvSpPr>
      <xdr:spPr>
        <a:xfrm>
          <a:off x="22199600" y="14291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82550</xdr:rowOff>
    </xdr:from>
    <xdr:to>
      <xdr:col>116</xdr:col>
      <xdr:colOff>114300</xdr:colOff>
      <xdr:row>84</xdr:row>
      <xdr:rowOff>12700</xdr:rowOff>
    </xdr:to>
    <xdr:sp macro="" textlink="">
      <xdr:nvSpPr>
        <xdr:cNvPr id="793" name="フローチャート: 判断 792">
          <a:extLst>
            <a:ext uri="{FF2B5EF4-FFF2-40B4-BE49-F238E27FC236}">
              <a16:creationId xmlns:a16="http://schemas.microsoft.com/office/drawing/2014/main" id="{F2C9915E-5219-4CD4-A4D2-5418FAEEAAB7}"/>
            </a:ext>
          </a:extLst>
        </xdr:cNvPr>
        <xdr:cNvSpPr/>
      </xdr:nvSpPr>
      <xdr:spPr>
        <a:xfrm>
          <a:off x="221107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58750</xdr:rowOff>
    </xdr:from>
    <xdr:to>
      <xdr:col>112</xdr:col>
      <xdr:colOff>38100</xdr:colOff>
      <xdr:row>84</xdr:row>
      <xdr:rowOff>88900</xdr:rowOff>
    </xdr:to>
    <xdr:sp macro="" textlink="">
      <xdr:nvSpPr>
        <xdr:cNvPr id="794" name="フローチャート: 判断 793">
          <a:extLst>
            <a:ext uri="{FF2B5EF4-FFF2-40B4-BE49-F238E27FC236}">
              <a16:creationId xmlns:a16="http://schemas.microsoft.com/office/drawing/2014/main" id="{C1E0EC9F-C188-4437-BEA2-331308C3AA9F}"/>
            </a:ext>
          </a:extLst>
        </xdr:cNvPr>
        <xdr:cNvSpPr/>
      </xdr:nvSpPr>
      <xdr:spPr>
        <a:xfrm>
          <a:off x="21272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795" name="フローチャート: 判断 794">
          <a:extLst>
            <a:ext uri="{FF2B5EF4-FFF2-40B4-BE49-F238E27FC236}">
              <a16:creationId xmlns:a16="http://schemas.microsoft.com/office/drawing/2014/main" id="{72324ED1-A70E-4476-ACDC-347E678D1FF6}"/>
            </a:ext>
          </a:extLst>
        </xdr:cNvPr>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796" name="フローチャート: 判断 795">
          <a:extLst>
            <a:ext uri="{FF2B5EF4-FFF2-40B4-BE49-F238E27FC236}">
              <a16:creationId xmlns:a16="http://schemas.microsoft.com/office/drawing/2014/main" id="{55B55D4A-48BD-42D4-8F25-0D745043F809}"/>
            </a:ext>
          </a:extLst>
        </xdr:cNvPr>
        <xdr:cNvSpPr/>
      </xdr:nvSpPr>
      <xdr:spPr>
        <a:xfrm>
          <a:off x="19494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0650</xdr:rowOff>
    </xdr:from>
    <xdr:to>
      <xdr:col>98</xdr:col>
      <xdr:colOff>38100</xdr:colOff>
      <xdr:row>84</xdr:row>
      <xdr:rowOff>50800</xdr:rowOff>
    </xdr:to>
    <xdr:sp macro="" textlink="">
      <xdr:nvSpPr>
        <xdr:cNvPr id="797" name="フローチャート: 判断 796">
          <a:extLst>
            <a:ext uri="{FF2B5EF4-FFF2-40B4-BE49-F238E27FC236}">
              <a16:creationId xmlns:a16="http://schemas.microsoft.com/office/drawing/2014/main" id="{31FBE33F-8131-458D-9B93-83471A51D853}"/>
            </a:ext>
          </a:extLst>
        </xdr:cNvPr>
        <xdr:cNvSpPr/>
      </xdr:nvSpPr>
      <xdr:spPr>
        <a:xfrm>
          <a:off x="18605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98" name="テキスト ボックス 797">
          <a:extLst>
            <a:ext uri="{FF2B5EF4-FFF2-40B4-BE49-F238E27FC236}">
              <a16:creationId xmlns:a16="http://schemas.microsoft.com/office/drawing/2014/main" id="{97B76D39-6A91-4DB0-8A59-C59D0CECD989}"/>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99" name="テキスト ボックス 798">
          <a:extLst>
            <a:ext uri="{FF2B5EF4-FFF2-40B4-BE49-F238E27FC236}">
              <a16:creationId xmlns:a16="http://schemas.microsoft.com/office/drawing/2014/main" id="{444946A9-5545-44FC-AE33-FE7CE3974D74}"/>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0" name="テキスト ボックス 799">
          <a:extLst>
            <a:ext uri="{FF2B5EF4-FFF2-40B4-BE49-F238E27FC236}">
              <a16:creationId xmlns:a16="http://schemas.microsoft.com/office/drawing/2014/main" id="{6E9794ED-B21E-43EE-A981-C4433B1992D8}"/>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1" name="テキスト ボックス 800">
          <a:extLst>
            <a:ext uri="{FF2B5EF4-FFF2-40B4-BE49-F238E27FC236}">
              <a16:creationId xmlns:a16="http://schemas.microsoft.com/office/drawing/2014/main" id="{546ED88B-9796-42A6-AFD9-68BC5F84485A}"/>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2" name="テキスト ボックス 801">
          <a:extLst>
            <a:ext uri="{FF2B5EF4-FFF2-40B4-BE49-F238E27FC236}">
              <a16:creationId xmlns:a16="http://schemas.microsoft.com/office/drawing/2014/main" id="{72AB209A-4CC5-4107-9F4B-AFE2F3ADFDB7}"/>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25400</xdr:rowOff>
    </xdr:from>
    <xdr:to>
      <xdr:col>112</xdr:col>
      <xdr:colOff>38100</xdr:colOff>
      <xdr:row>86</xdr:row>
      <xdr:rowOff>127000</xdr:rowOff>
    </xdr:to>
    <xdr:sp macro="" textlink="">
      <xdr:nvSpPr>
        <xdr:cNvPr id="803" name="楕円 802">
          <a:extLst>
            <a:ext uri="{FF2B5EF4-FFF2-40B4-BE49-F238E27FC236}">
              <a16:creationId xmlns:a16="http://schemas.microsoft.com/office/drawing/2014/main" id="{E2445CAC-BCB0-4E28-922E-77AA8E526E07}"/>
            </a:ext>
          </a:extLst>
        </xdr:cNvPr>
        <xdr:cNvSpPr/>
      </xdr:nvSpPr>
      <xdr:spPr>
        <a:xfrm>
          <a:off x="21272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6</xdr:row>
      <xdr:rowOff>25400</xdr:rowOff>
    </xdr:from>
    <xdr:to>
      <xdr:col>107</xdr:col>
      <xdr:colOff>101600</xdr:colOff>
      <xdr:row>86</xdr:row>
      <xdr:rowOff>127000</xdr:rowOff>
    </xdr:to>
    <xdr:sp macro="" textlink="">
      <xdr:nvSpPr>
        <xdr:cNvPr id="804" name="楕円 803">
          <a:extLst>
            <a:ext uri="{FF2B5EF4-FFF2-40B4-BE49-F238E27FC236}">
              <a16:creationId xmlns:a16="http://schemas.microsoft.com/office/drawing/2014/main" id="{5E2365C9-56D9-4A02-B331-436081D6A4D2}"/>
            </a:ext>
          </a:extLst>
        </xdr:cNvPr>
        <xdr:cNvSpPr/>
      </xdr:nvSpPr>
      <xdr:spPr>
        <a:xfrm>
          <a:off x="20383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76200</xdr:rowOff>
    </xdr:from>
    <xdr:to>
      <xdr:col>111</xdr:col>
      <xdr:colOff>177800</xdr:colOff>
      <xdr:row>86</xdr:row>
      <xdr:rowOff>76200</xdr:rowOff>
    </xdr:to>
    <xdr:cxnSp macro="">
      <xdr:nvCxnSpPr>
        <xdr:cNvPr id="805" name="直線コネクタ 804">
          <a:extLst>
            <a:ext uri="{FF2B5EF4-FFF2-40B4-BE49-F238E27FC236}">
              <a16:creationId xmlns:a16="http://schemas.microsoft.com/office/drawing/2014/main" id="{B2313DC9-50E2-4D3D-92BE-2398FA0C25E3}"/>
            </a:ext>
          </a:extLst>
        </xdr:cNvPr>
        <xdr:cNvCxnSpPr/>
      </xdr:nvCxnSpPr>
      <xdr:spPr>
        <a:xfrm>
          <a:off x="20434300" y="1482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25400</xdr:rowOff>
    </xdr:from>
    <xdr:to>
      <xdr:col>102</xdr:col>
      <xdr:colOff>165100</xdr:colOff>
      <xdr:row>86</xdr:row>
      <xdr:rowOff>127000</xdr:rowOff>
    </xdr:to>
    <xdr:sp macro="" textlink="">
      <xdr:nvSpPr>
        <xdr:cNvPr id="806" name="楕円 805">
          <a:extLst>
            <a:ext uri="{FF2B5EF4-FFF2-40B4-BE49-F238E27FC236}">
              <a16:creationId xmlns:a16="http://schemas.microsoft.com/office/drawing/2014/main" id="{13106F85-E7B3-42C2-8F8B-F660271F58DD}"/>
            </a:ext>
          </a:extLst>
        </xdr:cNvPr>
        <xdr:cNvSpPr/>
      </xdr:nvSpPr>
      <xdr:spPr>
        <a:xfrm>
          <a:off x="19494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76200</xdr:rowOff>
    </xdr:from>
    <xdr:to>
      <xdr:col>107</xdr:col>
      <xdr:colOff>50800</xdr:colOff>
      <xdr:row>86</xdr:row>
      <xdr:rowOff>76200</xdr:rowOff>
    </xdr:to>
    <xdr:cxnSp macro="">
      <xdr:nvCxnSpPr>
        <xdr:cNvPr id="807" name="直線コネクタ 806">
          <a:extLst>
            <a:ext uri="{FF2B5EF4-FFF2-40B4-BE49-F238E27FC236}">
              <a16:creationId xmlns:a16="http://schemas.microsoft.com/office/drawing/2014/main" id="{061CB8CD-A7D0-436F-9192-77BBF9C9B1AE}"/>
            </a:ext>
          </a:extLst>
        </xdr:cNvPr>
        <xdr:cNvCxnSpPr/>
      </xdr:nvCxnSpPr>
      <xdr:spPr>
        <a:xfrm>
          <a:off x="19545300" y="1482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05427</xdr:rowOff>
    </xdr:from>
    <xdr:ext cx="469744" cy="259045"/>
    <xdr:sp macro="" textlink="">
      <xdr:nvSpPr>
        <xdr:cNvPr id="808" name="n_1aveValue【児童館】&#10;一人当たり面積">
          <a:extLst>
            <a:ext uri="{FF2B5EF4-FFF2-40B4-BE49-F238E27FC236}">
              <a16:creationId xmlns:a16="http://schemas.microsoft.com/office/drawing/2014/main" id="{2F8ED1F5-468C-4D6C-9BA7-EB3AFC484A6F}"/>
            </a:ext>
          </a:extLst>
        </xdr:cNvPr>
        <xdr:cNvSpPr txBox="1"/>
      </xdr:nvSpPr>
      <xdr:spPr>
        <a:xfrm>
          <a:off x="21075727" y="1416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67327</xdr:rowOff>
    </xdr:from>
    <xdr:ext cx="469744" cy="259045"/>
    <xdr:sp macro="" textlink="">
      <xdr:nvSpPr>
        <xdr:cNvPr id="809" name="n_2aveValue【児童館】&#10;一人当たり面積">
          <a:extLst>
            <a:ext uri="{FF2B5EF4-FFF2-40B4-BE49-F238E27FC236}">
              <a16:creationId xmlns:a16="http://schemas.microsoft.com/office/drawing/2014/main" id="{46F8086A-D6D2-44EB-9F47-7E4DB1F05E29}"/>
            </a:ext>
          </a:extLst>
        </xdr:cNvPr>
        <xdr:cNvSpPr txBox="1"/>
      </xdr:nvSpPr>
      <xdr:spPr>
        <a:xfrm>
          <a:off x="20199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7327</xdr:rowOff>
    </xdr:from>
    <xdr:ext cx="469744" cy="259045"/>
    <xdr:sp macro="" textlink="">
      <xdr:nvSpPr>
        <xdr:cNvPr id="810" name="n_3aveValue【児童館】&#10;一人当たり面積">
          <a:extLst>
            <a:ext uri="{FF2B5EF4-FFF2-40B4-BE49-F238E27FC236}">
              <a16:creationId xmlns:a16="http://schemas.microsoft.com/office/drawing/2014/main" id="{A68E03FF-8D99-4468-926D-EDAF0D92E026}"/>
            </a:ext>
          </a:extLst>
        </xdr:cNvPr>
        <xdr:cNvSpPr txBox="1"/>
      </xdr:nvSpPr>
      <xdr:spPr>
        <a:xfrm>
          <a:off x="19310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811" name="n_4aveValue【児童館】&#10;一人当たり面積">
          <a:extLst>
            <a:ext uri="{FF2B5EF4-FFF2-40B4-BE49-F238E27FC236}">
              <a16:creationId xmlns:a16="http://schemas.microsoft.com/office/drawing/2014/main" id="{0ABDB3E7-D891-4449-AE35-BF91DEDF0086}"/>
            </a:ext>
          </a:extLst>
        </xdr:cNvPr>
        <xdr:cNvSpPr txBox="1"/>
      </xdr:nvSpPr>
      <xdr:spPr>
        <a:xfrm>
          <a:off x="18421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118127</xdr:rowOff>
    </xdr:from>
    <xdr:ext cx="469744" cy="259045"/>
    <xdr:sp macro="" textlink="">
      <xdr:nvSpPr>
        <xdr:cNvPr id="812" name="n_1mainValue【児童館】&#10;一人当たり面積">
          <a:extLst>
            <a:ext uri="{FF2B5EF4-FFF2-40B4-BE49-F238E27FC236}">
              <a16:creationId xmlns:a16="http://schemas.microsoft.com/office/drawing/2014/main" id="{389368B6-12AA-4161-B20B-DBF92BBB69AE}"/>
            </a:ext>
          </a:extLst>
        </xdr:cNvPr>
        <xdr:cNvSpPr txBox="1"/>
      </xdr:nvSpPr>
      <xdr:spPr>
        <a:xfrm>
          <a:off x="210757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18127</xdr:rowOff>
    </xdr:from>
    <xdr:ext cx="469744" cy="259045"/>
    <xdr:sp macro="" textlink="">
      <xdr:nvSpPr>
        <xdr:cNvPr id="813" name="n_2mainValue【児童館】&#10;一人当たり面積">
          <a:extLst>
            <a:ext uri="{FF2B5EF4-FFF2-40B4-BE49-F238E27FC236}">
              <a16:creationId xmlns:a16="http://schemas.microsoft.com/office/drawing/2014/main" id="{7FF6AA72-2CF9-4DC2-8836-42DA0D98677F}"/>
            </a:ext>
          </a:extLst>
        </xdr:cNvPr>
        <xdr:cNvSpPr txBox="1"/>
      </xdr:nvSpPr>
      <xdr:spPr>
        <a:xfrm>
          <a:off x="201994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18127</xdr:rowOff>
    </xdr:from>
    <xdr:ext cx="469744" cy="259045"/>
    <xdr:sp macro="" textlink="">
      <xdr:nvSpPr>
        <xdr:cNvPr id="814" name="n_3mainValue【児童館】&#10;一人当たり面積">
          <a:extLst>
            <a:ext uri="{FF2B5EF4-FFF2-40B4-BE49-F238E27FC236}">
              <a16:creationId xmlns:a16="http://schemas.microsoft.com/office/drawing/2014/main" id="{40F1B492-0F7F-4A72-8581-81C7C08B8589}"/>
            </a:ext>
          </a:extLst>
        </xdr:cNvPr>
        <xdr:cNvSpPr txBox="1"/>
      </xdr:nvSpPr>
      <xdr:spPr>
        <a:xfrm>
          <a:off x="193104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15" name="正方形/長方形 814">
          <a:extLst>
            <a:ext uri="{FF2B5EF4-FFF2-40B4-BE49-F238E27FC236}">
              <a16:creationId xmlns:a16="http://schemas.microsoft.com/office/drawing/2014/main" id="{C31288CF-2EA3-4501-A394-5D08B82AD1FB}"/>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16" name="正方形/長方形 815">
          <a:extLst>
            <a:ext uri="{FF2B5EF4-FFF2-40B4-BE49-F238E27FC236}">
              <a16:creationId xmlns:a16="http://schemas.microsoft.com/office/drawing/2014/main" id="{159889D2-D354-4533-B367-DD48A523153D}"/>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17" name="正方形/長方形 816">
          <a:extLst>
            <a:ext uri="{FF2B5EF4-FFF2-40B4-BE49-F238E27FC236}">
              <a16:creationId xmlns:a16="http://schemas.microsoft.com/office/drawing/2014/main" id="{7D8B0156-AAAB-4B9C-B8EB-3F20DE61878A}"/>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18" name="正方形/長方形 817">
          <a:extLst>
            <a:ext uri="{FF2B5EF4-FFF2-40B4-BE49-F238E27FC236}">
              <a16:creationId xmlns:a16="http://schemas.microsoft.com/office/drawing/2014/main" id="{5C139CF5-6FDA-47AE-93B4-B2CD32A0F66A}"/>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19" name="正方形/長方形 818">
          <a:extLst>
            <a:ext uri="{FF2B5EF4-FFF2-40B4-BE49-F238E27FC236}">
              <a16:creationId xmlns:a16="http://schemas.microsoft.com/office/drawing/2014/main" id="{D2B269AF-1015-4AF0-9DE4-30FAA7539646}"/>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20" name="正方形/長方形 819">
          <a:extLst>
            <a:ext uri="{FF2B5EF4-FFF2-40B4-BE49-F238E27FC236}">
              <a16:creationId xmlns:a16="http://schemas.microsoft.com/office/drawing/2014/main" id="{07C43BC0-1D21-4F50-83E4-D86746038AF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21" name="正方形/長方形 820">
          <a:extLst>
            <a:ext uri="{FF2B5EF4-FFF2-40B4-BE49-F238E27FC236}">
              <a16:creationId xmlns:a16="http://schemas.microsoft.com/office/drawing/2014/main" id="{8D3CB0D3-41C1-4D75-9D42-F7102C44A5A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2" name="正方形/長方形 821">
          <a:extLst>
            <a:ext uri="{FF2B5EF4-FFF2-40B4-BE49-F238E27FC236}">
              <a16:creationId xmlns:a16="http://schemas.microsoft.com/office/drawing/2014/main" id="{954C020D-3497-43B8-99AA-FBCED19854A7}"/>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23" name="テキスト ボックス 822">
          <a:extLst>
            <a:ext uri="{FF2B5EF4-FFF2-40B4-BE49-F238E27FC236}">
              <a16:creationId xmlns:a16="http://schemas.microsoft.com/office/drawing/2014/main" id="{257419C0-CC97-4748-B2D1-FD6D54ED0212}"/>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24" name="直線コネクタ 823">
          <a:extLst>
            <a:ext uri="{FF2B5EF4-FFF2-40B4-BE49-F238E27FC236}">
              <a16:creationId xmlns:a16="http://schemas.microsoft.com/office/drawing/2014/main" id="{FEBD082A-0770-4A16-BE6C-68F7EBC3BAEB}"/>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25" name="テキスト ボックス 824">
          <a:extLst>
            <a:ext uri="{FF2B5EF4-FFF2-40B4-BE49-F238E27FC236}">
              <a16:creationId xmlns:a16="http://schemas.microsoft.com/office/drawing/2014/main" id="{7747C51F-2A6B-499C-A999-E2F566162F78}"/>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26" name="直線コネクタ 825">
          <a:extLst>
            <a:ext uri="{FF2B5EF4-FFF2-40B4-BE49-F238E27FC236}">
              <a16:creationId xmlns:a16="http://schemas.microsoft.com/office/drawing/2014/main" id="{B5E5F303-6FA0-47E9-8BD5-7D9DD73FC832}"/>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27" name="テキスト ボックス 826">
          <a:extLst>
            <a:ext uri="{FF2B5EF4-FFF2-40B4-BE49-F238E27FC236}">
              <a16:creationId xmlns:a16="http://schemas.microsoft.com/office/drawing/2014/main" id="{1F21DCF2-310D-42B2-BD93-25933D38869D}"/>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28" name="直線コネクタ 827">
          <a:extLst>
            <a:ext uri="{FF2B5EF4-FFF2-40B4-BE49-F238E27FC236}">
              <a16:creationId xmlns:a16="http://schemas.microsoft.com/office/drawing/2014/main" id="{E837D375-A073-40CA-8473-AF3B71703345}"/>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29" name="テキスト ボックス 828">
          <a:extLst>
            <a:ext uri="{FF2B5EF4-FFF2-40B4-BE49-F238E27FC236}">
              <a16:creationId xmlns:a16="http://schemas.microsoft.com/office/drawing/2014/main" id="{7BC041FE-1B1E-449E-A5E0-F125AD378369}"/>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30" name="直線コネクタ 829">
          <a:extLst>
            <a:ext uri="{FF2B5EF4-FFF2-40B4-BE49-F238E27FC236}">
              <a16:creationId xmlns:a16="http://schemas.microsoft.com/office/drawing/2014/main" id="{3C9DFCA5-8670-433D-BB78-D3EDE6E38BAD}"/>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31" name="テキスト ボックス 830">
          <a:extLst>
            <a:ext uri="{FF2B5EF4-FFF2-40B4-BE49-F238E27FC236}">
              <a16:creationId xmlns:a16="http://schemas.microsoft.com/office/drawing/2014/main" id="{CA460009-3B45-4AF4-911E-4B685F30853E}"/>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32" name="直線コネクタ 831">
          <a:extLst>
            <a:ext uri="{FF2B5EF4-FFF2-40B4-BE49-F238E27FC236}">
              <a16:creationId xmlns:a16="http://schemas.microsoft.com/office/drawing/2014/main" id="{21DEC4E6-235B-404D-9626-8CE98B532FAD}"/>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33" name="テキスト ボックス 832">
          <a:extLst>
            <a:ext uri="{FF2B5EF4-FFF2-40B4-BE49-F238E27FC236}">
              <a16:creationId xmlns:a16="http://schemas.microsoft.com/office/drawing/2014/main" id="{C5B53464-32CB-4226-A8D8-1963D5DA41E4}"/>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34" name="直線コネクタ 833">
          <a:extLst>
            <a:ext uri="{FF2B5EF4-FFF2-40B4-BE49-F238E27FC236}">
              <a16:creationId xmlns:a16="http://schemas.microsoft.com/office/drawing/2014/main" id="{9A77DF04-AF6F-4871-8068-D0C56F0CD294}"/>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35" name="テキスト ボックス 834">
          <a:extLst>
            <a:ext uri="{FF2B5EF4-FFF2-40B4-BE49-F238E27FC236}">
              <a16:creationId xmlns:a16="http://schemas.microsoft.com/office/drawing/2014/main" id="{DB521415-07A0-4A7A-9769-187A5D77E4E3}"/>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36" name="直線コネクタ 835">
          <a:extLst>
            <a:ext uri="{FF2B5EF4-FFF2-40B4-BE49-F238E27FC236}">
              <a16:creationId xmlns:a16="http://schemas.microsoft.com/office/drawing/2014/main" id="{B13E51AF-D094-4346-AD32-0762CD2ADF67}"/>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37" name="テキスト ボックス 836">
          <a:extLst>
            <a:ext uri="{FF2B5EF4-FFF2-40B4-BE49-F238E27FC236}">
              <a16:creationId xmlns:a16="http://schemas.microsoft.com/office/drawing/2014/main" id="{DC331075-3F70-4891-A553-BD9696CD3C7F}"/>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38" name="直線コネクタ 837">
          <a:extLst>
            <a:ext uri="{FF2B5EF4-FFF2-40B4-BE49-F238E27FC236}">
              <a16:creationId xmlns:a16="http://schemas.microsoft.com/office/drawing/2014/main" id="{C91B958D-A77E-4DBD-ADB8-AD09B65DD5FB}"/>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9" name="【公民館】&#10;有形固定資産減価償却率グラフ枠">
          <a:extLst>
            <a:ext uri="{FF2B5EF4-FFF2-40B4-BE49-F238E27FC236}">
              <a16:creationId xmlns:a16="http://schemas.microsoft.com/office/drawing/2014/main" id="{D411F3E0-9BA8-4FC3-BBF6-13941489444F}"/>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2</xdr:row>
      <xdr:rowOff>118655</xdr:rowOff>
    </xdr:from>
    <xdr:to>
      <xdr:col>85</xdr:col>
      <xdr:colOff>126364</xdr:colOff>
      <xdr:row>108</xdr:row>
      <xdr:rowOff>58238</xdr:rowOff>
    </xdr:to>
    <xdr:cxnSp macro="">
      <xdr:nvCxnSpPr>
        <xdr:cNvPr id="840" name="直線コネクタ 839">
          <a:extLst>
            <a:ext uri="{FF2B5EF4-FFF2-40B4-BE49-F238E27FC236}">
              <a16:creationId xmlns:a16="http://schemas.microsoft.com/office/drawing/2014/main" id="{61841E2E-9A8D-437F-918A-4C673DF008DF}"/>
            </a:ext>
          </a:extLst>
        </xdr:cNvPr>
        <xdr:cNvCxnSpPr/>
      </xdr:nvCxnSpPr>
      <xdr:spPr>
        <a:xfrm flipV="1">
          <a:off x="16318864" y="17606555"/>
          <a:ext cx="0" cy="968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62065</xdr:rowOff>
    </xdr:from>
    <xdr:ext cx="405111" cy="259045"/>
    <xdr:sp macro="" textlink="">
      <xdr:nvSpPr>
        <xdr:cNvPr id="841" name="【公民館】&#10;有形固定資産減価償却率最小値テキスト">
          <a:extLst>
            <a:ext uri="{FF2B5EF4-FFF2-40B4-BE49-F238E27FC236}">
              <a16:creationId xmlns:a16="http://schemas.microsoft.com/office/drawing/2014/main" id="{909E5669-3E32-432C-9D4F-A8B6E59C9673}"/>
            </a:ext>
          </a:extLst>
        </xdr:cNvPr>
        <xdr:cNvSpPr txBox="1"/>
      </xdr:nvSpPr>
      <xdr:spPr>
        <a:xfrm>
          <a:off x="16357600" y="18578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58238</xdr:rowOff>
    </xdr:from>
    <xdr:to>
      <xdr:col>86</xdr:col>
      <xdr:colOff>25400</xdr:colOff>
      <xdr:row>108</xdr:row>
      <xdr:rowOff>58238</xdr:rowOff>
    </xdr:to>
    <xdr:cxnSp macro="">
      <xdr:nvCxnSpPr>
        <xdr:cNvPr id="842" name="直線コネクタ 841">
          <a:extLst>
            <a:ext uri="{FF2B5EF4-FFF2-40B4-BE49-F238E27FC236}">
              <a16:creationId xmlns:a16="http://schemas.microsoft.com/office/drawing/2014/main" id="{2395A38A-60A9-4BCA-BF45-F4D2467E33E1}"/>
            </a:ext>
          </a:extLst>
        </xdr:cNvPr>
        <xdr:cNvCxnSpPr/>
      </xdr:nvCxnSpPr>
      <xdr:spPr>
        <a:xfrm>
          <a:off x="16230600" y="18574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1</xdr:row>
      <xdr:rowOff>65332</xdr:rowOff>
    </xdr:from>
    <xdr:ext cx="405111" cy="259045"/>
    <xdr:sp macro="" textlink="">
      <xdr:nvSpPr>
        <xdr:cNvPr id="843" name="【公民館】&#10;有形固定資産減価償却率最大値テキスト">
          <a:extLst>
            <a:ext uri="{FF2B5EF4-FFF2-40B4-BE49-F238E27FC236}">
              <a16:creationId xmlns:a16="http://schemas.microsoft.com/office/drawing/2014/main" id="{9CC6CB67-DD82-4B38-B5C2-23864190D967}"/>
            </a:ext>
          </a:extLst>
        </xdr:cNvPr>
        <xdr:cNvSpPr txBox="1"/>
      </xdr:nvSpPr>
      <xdr:spPr>
        <a:xfrm>
          <a:off x="16357600" y="17381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2</xdr:row>
      <xdr:rowOff>118655</xdr:rowOff>
    </xdr:from>
    <xdr:to>
      <xdr:col>86</xdr:col>
      <xdr:colOff>25400</xdr:colOff>
      <xdr:row>102</xdr:row>
      <xdr:rowOff>118655</xdr:rowOff>
    </xdr:to>
    <xdr:cxnSp macro="">
      <xdr:nvCxnSpPr>
        <xdr:cNvPr id="844" name="直線コネクタ 843">
          <a:extLst>
            <a:ext uri="{FF2B5EF4-FFF2-40B4-BE49-F238E27FC236}">
              <a16:creationId xmlns:a16="http://schemas.microsoft.com/office/drawing/2014/main" id="{C9CD4358-FD85-4ED6-8B25-8EC79D5A939E}"/>
            </a:ext>
          </a:extLst>
        </xdr:cNvPr>
        <xdr:cNvCxnSpPr/>
      </xdr:nvCxnSpPr>
      <xdr:spPr>
        <a:xfrm>
          <a:off x="16230600" y="17606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5459</xdr:rowOff>
    </xdr:from>
    <xdr:ext cx="405111" cy="259045"/>
    <xdr:sp macro="" textlink="">
      <xdr:nvSpPr>
        <xdr:cNvPr id="845" name="【公民館】&#10;有形固定資産減価償却率平均値テキスト">
          <a:extLst>
            <a:ext uri="{FF2B5EF4-FFF2-40B4-BE49-F238E27FC236}">
              <a16:creationId xmlns:a16="http://schemas.microsoft.com/office/drawing/2014/main" id="{FFCC833A-B107-4734-AA4A-99057E4804A9}"/>
            </a:ext>
          </a:extLst>
        </xdr:cNvPr>
        <xdr:cNvSpPr txBox="1"/>
      </xdr:nvSpPr>
      <xdr:spPr>
        <a:xfrm>
          <a:off x="16357600" y="180077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27032</xdr:rowOff>
    </xdr:from>
    <xdr:to>
      <xdr:col>85</xdr:col>
      <xdr:colOff>177800</xdr:colOff>
      <xdr:row>105</xdr:row>
      <xdr:rowOff>128632</xdr:rowOff>
    </xdr:to>
    <xdr:sp macro="" textlink="">
      <xdr:nvSpPr>
        <xdr:cNvPr id="846" name="フローチャート: 判断 845">
          <a:extLst>
            <a:ext uri="{FF2B5EF4-FFF2-40B4-BE49-F238E27FC236}">
              <a16:creationId xmlns:a16="http://schemas.microsoft.com/office/drawing/2014/main" id="{1467A0C9-610D-40CF-AE9C-FDC92AB14A21}"/>
            </a:ext>
          </a:extLst>
        </xdr:cNvPr>
        <xdr:cNvSpPr/>
      </xdr:nvSpPr>
      <xdr:spPr>
        <a:xfrm>
          <a:off x="162687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22134</xdr:rowOff>
    </xdr:from>
    <xdr:to>
      <xdr:col>81</xdr:col>
      <xdr:colOff>101600</xdr:colOff>
      <xdr:row>105</xdr:row>
      <xdr:rowOff>123734</xdr:rowOff>
    </xdr:to>
    <xdr:sp macro="" textlink="">
      <xdr:nvSpPr>
        <xdr:cNvPr id="847" name="フローチャート: 判断 846">
          <a:extLst>
            <a:ext uri="{FF2B5EF4-FFF2-40B4-BE49-F238E27FC236}">
              <a16:creationId xmlns:a16="http://schemas.microsoft.com/office/drawing/2014/main" id="{BEB58F49-2F28-42D9-9B4D-9B71462BCCCA}"/>
            </a:ext>
          </a:extLst>
        </xdr:cNvPr>
        <xdr:cNvSpPr/>
      </xdr:nvSpPr>
      <xdr:spPr>
        <a:xfrm>
          <a:off x="15430500" y="1802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18869</xdr:rowOff>
    </xdr:from>
    <xdr:to>
      <xdr:col>76</xdr:col>
      <xdr:colOff>165100</xdr:colOff>
      <xdr:row>105</xdr:row>
      <xdr:rowOff>120469</xdr:rowOff>
    </xdr:to>
    <xdr:sp macro="" textlink="">
      <xdr:nvSpPr>
        <xdr:cNvPr id="848" name="フローチャート: 判断 847">
          <a:extLst>
            <a:ext uri="{FF2B5EF4-FFF2-40B4-BE49-F238E27FC236}">
              <a16:creationId xmlns:a16="http://schemas.microsoft.com/office/drawing/2014/main" id="{0C52A873-EF0F-4A47-9A3C-521D4CBEECFB}"/>
            </a:ext>
          </a:extLst>
        </xdr:cNvPr>
        <xdr:cNvSpPr/>
      </xdr:nvSpPr>
      <xdr:spPr>
        <a:xfrm>
          <a:off x="14541500" y="1802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51526</xdr:rowOff>
    </xdr:from>
    <xdr:to>
      <xdr:col>72</xdr:col>
      <xdr:colOff>38100</xdr:colOff>
      <xdr:row>105</xdr:row>
      <xdr:rowOff>153126</xdr:rowOff>
    </xdr:to>
    <xdr:sp macro="" textlink="">
      <xdr:nvSpPr>
        <xdr:cNvPr id="849" name="フローチャート: 判断 848">
          <a:extLst>
            <a:ext uri="{FF2B5EF4-FFF2-40B4-BE49-F238E27FC236}">
              <a16:creationId xmlns:a16="http://schemas.microsoft.com/office/drawing/2014/main" id="{F2DED9DF-9A60-43EE-939A-BBC928A9B6A7}"/>
            </a:ext>
          </a:extLst>
        </xdr:cNvPr>
        <xdr:cNvSpPr/>
      </xdr:nvSpPr>
      <xdr:spPr>
        <a:xfrm>
          <a:off x="13652500" y="1805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65826</xdr:rowOff>
    </xdr:from>
    <xdr:to>
      <xdr:col>67</xdr:col>
      <xdr:colOff>101600</xdr:colOff>
      <xdr:row>105</xdr:row>
      <xdr:rowOff>95976</xdr:rowOff>
    </xdr:to>
    <xdr:sp macro="" textlink="">
      <xdr:nvSpPr>
        <xdr:cNvPr id="850" name="フローチャート: 判断 849">
          <a:extLst>
            <a:ext uri="{FF2B5EF4-FFF2-40B4-BE49-F238E27FC236}">
              <a16:creationId xmlns:a16="http://schemas.microsoft.com/office/drawing/2014/main" id="{93CFCEC6-89B3-4011-8037-69538E3633B4}"/>
            </a:ext>
          </a:extLst>
        </xdr:cNvPr>
        <xdr:cNvSpPr/>
      </xdr:nvSpPr>
      <xdr:spPr>
        <a:xfrm>
          <a:off x="12763500" y="1799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51" name="テキスト ボックス 850">
          <a:extLst>
            <a:ext uri="{FF2B5EF4-FFF2-40B4-BE49-F238E27FC236}">
              <a16:creationId xmlns:a16="http://schemas.microsoft.com/office/drawing/2014/main" id="{E60AE665-CF7D-48E1-AE79-E51259B8CB2B}"/>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52" name="テキスト ボックス 851">
          <a:extLst>
            <a:ext uri="{FF2B5EF4-FFF2-40B4-BE49-F238E27FC236}">
              <a16:creationId xmlns:a16="http://schemas.microsoft.com/office/drawing/2014/main" id="{AE0233E0-FC0F-454D-8744-B83034CC20E1}"/>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53" name="テキスト ボックス 852">
          <a:extLst>
            <a:ext uri="{FF2B5EF4-FFF2-40B4-BE49-F238E27FC236}">
              <a16:creationId xmlns:a16="http://schemas.microsoft.com/office/drawing/2014/main" id="{B5A83968-D0DB-4E6D-9C1C-06AB034DA76D}"/>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54" name="テキスト ボックス 853">
          <a:extLst>
            <a:ext uri="{FF2B5EF4-FFF2-40B4-BE49-F238E27FC236}">
              <a16:creationId xmlns:a16="http://schemas.microsoft.com/office/drawing/2014/main" id="{FA8948BB-618D-4FA9-BB2A-C1B1C529E98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55" name="テキスト ボックス 854">
          <a:extLst>
            <a:ext uri="{FF2B5EF4-FFF2-40B4-BE49-F238E27FC236}">
              <a16:creationId xmlns:a16="http://schemas.microsoft.com/office/drawing/2014/main" id="{2BC3C2D3-C374-4D93-B7FD-849C913CFEA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0</xdr:row>
      <xdr:rowOff>44994</xdr:rowOff>
    </xdr:from>
    <xdr:to>
      <xdr:col>72</xdr:col>
      <xdr:colOff>38100</xdr:colOff>
      <xdr:row>100</xdr:row>
      <xdr:rowOff>146594</xdr:rowOff>
    </xdr:to>
    <xdr:sp macro="" textlink="">
      <xdr:nvSpPr>
        <xdr:cNvPr id="856" name="楕円 855">
          <a:extLst>
            <a:ext uri="{FF2B5EF4-FFF2-40B4-BE49-F238E27FC236}">
              <a16:creationId xmlns:a16="http://schemas.microsoft.com/office/drawing/2014/main" id="{912BC279-2E39-451E-9403-112A8D354C2F}"/>
            </a:ext>
          </a:extLst>
        </xdr:cNvPr>
        <xdr:cNvSpPr/>
      </xdr:nvSpPr>
      <xdr:spPr>
        <a:xfrm>
          <a:off x="13652500" y="1718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3</xdr:row>
      <xdr:rowOff>140261</xdr:rowOff>
    </xdr:from>
    <xdr:ext cx="405111" cy="259045"/>
    <xdr:sp macro="" textlink="">
      <xdr:nvSpPr>
        <xdr:cNvPr id="857" name="n_1aveValue【公民館】&#10;有形固定資産減価償却率">
          <a:extLst>
            <a:ext uri="{FF2B5EF4-FFF2-40B4-BE49-F238E27FC236}">
              <a16:creationId xmlns:a16="http://schemas.microsoft.com/office/drawing/2014/main" id="{2BEE7F9F-89D1-4892-BC33-2FCD581D08E3}"/>
            </a:ext>
          </a:extLst>
        </xdr:cNvPr>
        <xdr:cNvSpPr txBox="1"/>
      </xdr:nvSpPr>
      <xdr:spPr>
        <a:xfrm>
          <a:off x="15266044" y="17799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36996</xdr:rowOff>
    </xdr:from>
    <xdr:ext cx="405111" cy="259045"/>
    <xdr:sp macro="" textlink="">
      <xdr:nvSpPr>
        <xdr:cNvPr id="858" name="n_2aveValue【公民館】&#10;有形固定資産減価償却率">
          <a:extLst>
            <a:ext uri="{FF2B5EF4-FFF2-40B4-BE49-F238E27FC236}">
              <a16:creationId xmlns:a16="http://schemas.microsoft.com/office/drawing/2014/main" id="{F46EAB65-EBF7-44F2-A166-40CF47C9DAA0}"/>
            </a:ext>
          </a:extLst>
        </xdr:cNvPr>
        <xdr:cNvSpPr txBox="1"/>
      </xdr:nvSpPr>
      <xdr:spPr>
        <a:xfrm>
          <a:off x="14389744" y="177963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44253</xdr:rowOff>
    </xdr:from>
    <xdr:ext cx="405111" cy="259045"/>
    <xdr:sp macro="" textlink="">
      <xdr:nvSpPr>
        <xdr:cNvPr id="859" name="n_3aveValue【公民館】&#10;有形固定資産減価償却率">
          <a:extLst>
            <a:ext uri="{FF2B5EF4-FFF2-40B4-BE49-F238E27FC236}">
              <a16:creationId xmlns:a16="http://schemas.microsoft.com/office/drawing/2014/main" id="{2E0D08ED-0F23-4185-89A7-7C97EF635DC4}"/>
            </a:ext>
          </a:extLst>
        </xdr:cNvPr>
        <xdr:cNvSpPr txBox="1"/>
      </xdr:nvSpPr>
      <xdr:spPr>
        <a:xfrm>
          <a:off x="13500744" y="18146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12503</xdr:rowOff>
    </xdr:from>
    <xdr:ext cx="405111" cy="259045"/>
    <xdr:sp macro="" textlink="">
      <xdr:nvSpPr>
        <xdr:cNvPr id="860" name="n_4aveValue【公民館】&#10;有形固定資産減価償却率">
          <a:extLst>
            <a:ext uri="{FF2B5EF4-FFF2-40B4-BE49-F238E27FC236}">
              <a16:creationId xmlns:a16="http://schemas.microsoft.com/office/drawing/2014/main" id="{B3B92C49-BF0F-4A73-A913-8655906E363F}"/>
            </a:ext>
          </a:extLst>
        </xdr:cNvPr>
        <xdr:cNvSpPr txBox="1"/>
      </xdr:nvSpPr>
      <xdr:spPr>
        <a:xfrm>
          <a:off x="12611744" y="17771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7561</xdr:colOff>
      <xdr:row>98</xdr:row>
      <xdr:rowOff>163121</xdr:rowOff>
    </xdr:from>
    <xdr:ext cx="340478" cy="259045"/>
    <xdr:sp macro="" textlink="">
      <xdr:nvSpPr>
        <xdr:cNvPr id="861" name="n_3mainValue【公民館】&#10;有形固定資産減価償却率">
          <a:extLst>
            <a:ext uri="{FF2B5EF4-FFF2-40B4-BE49-F238E27FC236}">
              <a16:creationId xmlns:a16="http://schemas.microsoft.com/office/drawing/2014/main" id="{96E1292E-F70B-4B84-AC6A-0607A9FA314C}"/>
            </a:ext>
          </a:extLst>
        </xdr:cNvPr>
        <xdr:cNvSpPr txBox="1"/>
      </xdr:nvSpPr>
      <xdr:spPr>
        <a:xfrm>
          <a:off x="13533061" y="169652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62" name="正方形/長方形 861">
          <a:extLst>
            <a:ext uri="{FF2B5EF4-FFF2-40B4-BE49-F238E27FC236}">
              <a16:creationId xmlns:a16="http://schemas.microsoft.com/office/drawing/2014/main" id="{F559D46A-9289-457B-9714-485CA3FB60B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63" name="正方形/長方形 862">
          <a:extLst>
            <a:ext uri="{FF2B5EF4-FFF2-40B4-BE49-F238E27FC236}">
              <a16:creationId xmlns:a16="http://schemas.microsoft.com/office/drawing/2014/main" id="{3E28147B-9A65-4015-A978-659638777A0F}"/>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64" name="正方形/長方形 863">
          <a:extLst>
            <a:ext uri="{FF2B5EF4-FFF2-40B4-BE49-F238E27FC236}">
              <a16:creationId xmlns:a16="http://schemas.microsoft.com/office/drawing/2014/main" id="{291C4104-EEB5-4D62-8E18-9AF4ED6548B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65" name="正方形/長方形 864">
          <a:extLst>
            <a:ext uri="{FF2B5EF4-FFF2-40B4-BE49-F238E27FC236}">
              <a16:creationId xmlns:a16="http://schemas.microsoft.com/office/drawing/2014/main" id="{A5713C14-D5D1-4968-9430-B5F7D9FB1B6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66" name="正方形/長方形 865">
          <a:extLst>
            <a:ext uri="{FF2B5EF4-FFF2-40B4-BE49-F238E27FC236}">
              <a16:creationId xmlns:a16="http://schemas.microsoft.com/office/drawing/2014/main" id="{5EC8178D-1EF8-409D-9E5E-E6940425D785}"/>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67" name="正方形/長方形 866">
          <a:extLst>
            <a:ext uri="{FF2B5EF4-FFF2-40B4-BE49-F238E27FC236}">
              <a16:creationId xmlns:a16="http://schemas.microsoft.com/office/drawing/2014/main" id="{30B5ECC9-9DA2-40B1-99A6-E1B1C6E1DCE1}"/>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68" name="正方形/長方形 867">
          <a:extLst>
            <a:ext uri="{FF2B5EF4-FFF2-40B4-BE49-F238E27FC236}">
              <a16:creationId xmlns:a16="http://schemas.microsoft.com/office/drawing/2014/main" id="{AFC197E2-165A-4489-80EA-701629E244E4}"/>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69" name="正方形/長方形 868">
          <a:extLst>
            <a:ext uri="{FF2B5EF4-FFF2-40B4-BE49-F238E27FC236}">
              <a16:creationId xmlns:a16="http://schemas.microsoft.com/office/drawing/2014/main" id="{896D10B0-811C-4720-B319-993CA83DF2F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70" name="テキスト ボックス 869">
          <a:extLst>
            <a:ext uri="{FF2B5EF4-FFF2-40B4-BE49-F238E27FC236}">
              <a16:creationId xmlns:a16="http://schemas.microsoft.com/office/drawing/2014/main" id="{AAAC5F81-D7AE-4829-B938-A72F35397AAC}"/>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71" name="直線コネクタ 870">
          <a:extLst>
            <a:ext uri="{FF2B5EF4-FFF2-40B4-BE49-F238E27FC236}">
              <a16:creationId xmlns:a16="http://schemas.microsoft.com/office/drawing/2014/main" id="{526E4109-2D14-4F0D-8BFE-936220084ACA}"/>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72" name="直線コネクタ 871">
          <a:extLst>
            <a:ext uri="{FF2B5EF4-FFF2-40B4-BE49-F238E27FC236}">
              <a16:creationId xmlns:a16="http://schemas.microsoft.com/office/drawing/2014/main" id="{AD6F1239-F815-4984-B85D-578357902849}"/>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73" name="テキスト ボックス 872">
          <a:extLst>
            <a:ext uri="{FF2B5EF4-FFF2-40B4-BE49-F238E27FC236}">
              <a16:creationId xmlns:a16="http://schemas.microsoft.com/office/drawing/2014/main" id="{0897BF5A-FC66-41F1-B734-3F6D29655E04}"/>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74" name="直線コネクタ 873">
          <a:extLst>
            <a:ext uri="{FF2B5EF4-FFF2-40B4-BE49-F238E27FC236}">
              <a16:creationId xmlns:a16="http://schemas.microsoft.com/office/drawing/2014/main" id="{72612950-613C-4FB6-AE54-6D1CE077EDDA}"/>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75" name="テキスト ボックス 874">
          <a:extLst>
            <a:ext uri="{FF2B5EF4-FFF2-40B4-BE49-F238E27FC236}">
              <a16:creationId xmlns:a16="http://schemas.microsoft.com/office/drawing/2014/main" id="{B45D972D-5057-41ED-89F4-928637C2332D}"/>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76" name="直線コネクタ 875">
          <a:extLst>
            <a:ext uri="{FF2B5EF4-FFF2-40B4-BE49-F238E27FC236}">
              <a16:creationId xmlns:a16="http://schemas.microsoft.com/office/drawing/2014/main" id="{2334289C-E94C-4F02-AB29-FDE7E1C9D2E9}"/>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77" name="テキスト ボックス 876">
          <a:extLst>
            <a:ext uri="{FF2B5EF4-FFF2-40B4-BE49-F238E27FC236}">
              <a16:creationId xmlns:a16="http://schemas.microsoft.com/office/drawing/2014/main" id="{3FA0BE49-5946-4755-B067-08F868E629CC}"/>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78" name="直線コネクタ 877">
          <a:extLst>
            <a:ext uri="{FF2B5EF4-FFF2-40B4-BE49-F238E27FC236}">
              <a16:creationId xmlns:a16="http://schemas.microsoft.com/office/drawing/2014/main" id="{C0B943AB-4145-40CE-A294-1C6F8773CAF3}"/>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79" name="テキスト ボックス 878">
          <a:extLst>
            <a:ext uri="{FF2B5EF4-FFF2-40B4-BE49-F238E27FC236}">
              <a16:creationId xmlns:a16="http://schemas.microsoft.com/office/drawing/2014/main" id="{B5996A10-089A-4843-851D-6FCFC1E35410}"/>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80" name="直線コネクタ 879">
          <a:extLst>
            <a:ext uri="{FF2B5EF4-FFF2-40B4-BE49-F238E27FC236}">
              <a16:creationId xmlns:a16="http://schemas.microsoft.com/office/drawing/2014/main" id="{E9596C11-E5DA-4757-8F16-B78F690E58CC}"/>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81" name="テキスト ボックス 880">
          <a:extLst>
            <a:ext uri="{FF2B5EF4-FFF2-40B4-BE49-F238E27FC236}">
              <a16:creationId xmlns:a16="http://schemas.microsoft.com/office/drawing/2014/main" id="{B61047FB-3C49-4686-8F20-6DD0E7E0194F}"/>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82" name="直線コネクタ 881">
          <a:extLst>
            <a:ext uri="{FF2B5EF4-FFF2-40B4-BE49-F238E27FC236}">
              <a16:creationId xmlns:a16="http://schemas.microsoft.com/office/drawing/2014/main" id="{C883AF31-2595-4E59-B2D2-107327A0686E}"/>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83" name="テキスト ボックス 882">
          <a:extLst>
            <a:ext uri="{FF2B5EF4-FFF2-40B4-BE49-F238E27FC236}">
              <a16:creationId xmlns:a16="http://schemas.microsoft.com/office/drawing/2014/main" id="{147776CD-0B8A-4E99-940C-27C9837FA678}"/>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84" name="直線コネクタ 883">
          <a:extLst>
            <a:ext uri="{FF2B5EF4-FFF2-40B4-BE49-F238E27FC236}">
              <a16:creationId xmlns:a16="http://schemas.microsoft.com/office/drawing/2014/main" id="{021528AB-C36B-41F7-8B1A-4F351F8452F5}"/>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85" name="テキスト ボックス 884">
          <a:extLst>
            <a:ext uri="{FF2B5EF4-FFF2-40B4-BE49-F238E27FC236}">
              <a16:creationId xmlns:a16="http://schemas.microsoft.com/office/drawing/2014/main" id="{C68B583D-4FEC-47E7-8F6A-F71F05993518}"/>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86" name="【公民館】&#10;一人当たり面積グラフ枠">
          <a:extLst>
            <a:ext uri="{FF2B5EF4-FFF2-40B4-BE49-F238E27FC236}">
              <a16:creationId xmlns:a16="http://schemas.microsoft.com/office/drawing/2014/main" id="{983B59FF-D6CF-4BB6-9CC3-6289B989B809}"/>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7214</xdr:rowOff>
    </xdr:from>
    <xdr:to>
      <xdr:col>116</xdr:col>
      <xdr:colOff>62864</xdr:colOff>
      <xdr:row>109</xdr:row>
      <xdr:rowOff>19050</xdr:rowOff>
    </xdr:to>
    <xdr:cxnSp macro="">
      <xdr:nvCxnSpPr>
        <xdr:cNvPr id="887" name="直線コネクタ 886">
          <a:extLst>
            <a:ext uri="{FF2B5EF4-FFF2-40B4-BE49-F238E27FC236}">
              <a16:creationId xmlns:a16="http://schemas.microsoft.com/office/drawing/2014/main" id="{FD79C77D-8128-4DDC-A96F-643C5C8BECCC}"/>
            </a:ext>
          </a:extLst>
        </xdr:cNvPr>
        <xdr:cNvCxnSpPr/>
      </xdr:nvCxnSpPr>
      <xdr:spPr>
        <a:xfrm flipV="1">
          <a:off x="22160864" y="17172214"/>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888" name="【公民館】&#10;一人当たり面積最小値テキスト">
          <a:extLst>
            <a:ext uri="{FF2B5EF4-FFF2-40B4-BE49-F238E27FC236}">
              <a16:creationId xmlns:a16="http://schemas.microsoft.com/office/drawing/2014/main" id="{8E79833B-C796-4DD3-AE28-795D1D5C2D4E}"/>
            </a:ext>
          </a:extLst>
        </xdr:cNvPr>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889" name="直線コネクタ 888">
          <a:extLst>
            <a:ext uri="{FF2B5EF4-FFF2-40B4-BE49-F238E27FC236}">
              <a16:creationId xmlns:a16="http://schemas.microsoft.com/office/drawing/2014/main" id="{D164473E-74BC-48CA-98FE-F6BBDDB7AEC6}"/>
            </a:ext>
          </a:extLst>
        </xdr:cNvPr>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5341</xdr:rowOff>
    </xdr:from>
    <xdr:ext cx="469744" cy="259045"/>
    <xdr:sp macro="" textlink="">
      <xdr:nvSpPr>
        <xdr:cNvPr id="890" name="【公民館】&#10;一人当たり面積最大値テキスト">
          <a:extLst>
            <a:ext uri="{FF2B5EF4-FFF2-40B4-BE49-F238E27FC236}">
              <a16:creationId xmlns:a16="http://schemas.microsoft.com/office/drawing/2014/main" id="{CA0FC92A-FC2E-43E3-9C6B-F66BB52E0E51}"/>
            </a:ext>
          </a:extLst>
        </xdr:cNvPr>
        <xdr:cNvSpPr txBox="1"/>
      </xdr:nvSpPr>
      <xdr:spPr>
        <a:xfrm>
          <a:off x="22199600" y="16947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7214</xdr:rowOff>
    </xdr:from>
    <xdr:to>
      <xdr:col>116</xdr:col>
      <xdr:colOff>152400</xdr:colOff>
      <xdr:row>100</xdr:row>
      <xdr:rowOff>27214</xdr:rowOff>
    </xdr:to>
    <xdr:cxnSp macro="">
      <xdr:nvCxnSpPr>
        <xdr:cNvPr id="891" name="直線コネクタ 890">
          <a:extLst>
            <a:ext uri="{FF2B5EF4-FFF2-40B4-BE49-F238E27FC236}">
              <a16:creationId xmlns:a16="http://schemas.microsoft.com/office/drawing/2014/main" id="{BB6AD2EA-BA60-476A-90CF-EEA13612B857}"/>
            </a:ext>
          </a:extLst>
        </xdr:cNvPr>
        <xdr:cNvCxnSpPr/>
      </xdr:nvCxnSpPr>
      <xdr:spPr>
        <a:xfrm>
          <a:off x="22072600" y="17172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8320</xdr:rowOff>
    </xdr:from>
    <xdr:ext cx="469744" cy="259045"/>
    <xdr:sp macro="" textlink="">
      <xdr:nvSpPr>
        <xdr:cNvPr id="892" name="【公民館】&#10;一人当たり面積平均値テキスト">
          <a:extLst>
            <a:ext uri="{FF2B5EF4-FFF2-40B4-BE49-F238E27FC236}">
              <a16:creationId xmlns:a16="http://schemas.microsoft.com/office/drawing/2014/main" id="{E294DD18-508C-44D5-81EE-B42EDE654419}"/>
            </a:ext>
          </a:extLst>
        </xdr:cNvPr>
        <xdr:cNvSpPr txBox="1"/>
      </xdr:nvSpPr>
      <xdr:spPr>
        <a:xfrm>
          <a:off x="22199600" y="180305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9893</xdr:rowOff>
    </xdr:from>
    <xdr:to>
      <xdr:col>116</xdr:col>
      <xdr:colOff>114300</xdr:colOff>
      <xdr:row>105</xdr:row>
      <xdr:rowOff>151493</xdr:rowOff>
    </xdr:to>
    <xdr:sp macro="" textlink="">
      <xdr:nvSpPr>
        <xdr:cNvPr id="893" name="フローチャート: 判断 892">
          <a:extLst>
            <a:ext uri="{FF2B5EF4-FFF2-40B4-BE49-F238E27FC236}">
              <a16:creationId xmlns:a16="http://schemas.microsoft.com/office/drawing/2014/main" id="{00666D04-659F-45B5-88B2-7541CA7D65DA}"/>
            </a:ext>
          </a:extLst>
        </xdr:cNvPr>
        <xdr:cNvSpPr/>
      </xdr:nvSpPr>
      <xdr:spPr>
        <a:xfrm>
          <a:off x="221107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49893</xdr:rowOff>
    </xdr:from>
    <xdr:to>
      <xdr:col>112</xdr:col>
      <xdr:colOff>38100</xdr:colOff>
      <xdr:row>105</xdr:row>
      <xdr:rowOff>151493</xdr:rowOff>
    </xdr:to>
    <xdr:sp macro="" textlink="">
      <xdr:nvSpPr>
        <xdr:cNvPr id="894" name="フローチャート: 判断 893">
          <a:extLst>
            <a:ext uri="{FF2B5EF4-FFF2-40B4-BE49-F238E27FC236}">
              <a16:creationId xmlns:a16="http://schemas.microsoft.com/office/drawing/2014/main" id="{D8A8E4AA-5242-40B5-9900-66D97A18DED7}"/>
            </a:ext>
          </a:extLst>
        </xdr:cNvPr>
        <xdr:cNvSpPr/>
      </xdr:nvSpPr>
      <xdr:spPr>
        <a:xfrm>
          <a:off x="212725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7236</xdr:rowOff>
    </xdr:from>
    <xdr:to>
      <xdr:col>107</xdr:col>
      <xdr:colOff>101600</xdr:colOff>
      <xdr:row>105</xdr:row>
      <xdr:rowOff>118836</xdr:rowOff>
    </xdr:to>
    <xdr:sp macro="" textlink="">
      <xdr:nvSpPr>
        <xdr:cNvPr id="895" name="フローチャート: 判断 894">
          <a:extLst>
            <a:ext uri="{FF2B5EF4-FFF2-40B4-BE49-F238E27FC236}">
              <a16:creationId xmlns:a16="http://schemas.microsoft.com/office/drawing/2014/main" id="{44123F2A-9DC4-4D9D-BBCD-D75760BD6F6F}"/>
            </a:ext>
          </a:extLst>
        </xdr:cNvPr>
        <xdr:cNvSpPr/>
      </xdr:nvSpPr>
      <xdr:spPr>
        <a:xfrm>
          <a:off x="203835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8879</xdr:rowOff>
    </xdr:from>
    <xdr:to>
      <xdr:col>102</xdr:col>
      <xdr:colOff>165100</xdr:colOff>
      <xdr:row>106</xdr:row>
      <xdr:rowOff>29029</xdr:rowOff>
    </xdr:to>
    <xdr:sp macro="" textlink="">
      <xdr:nvSpPr>
        <xdr:cNvPr id="896" name="フローチャート: 判断 895">
          <a:extLst>
            <a:ext uri="{FF2B5EF4-FFF2-40B4-BE49-F238E27FC236}">
              <a16:creationId xmlns:a16="http://schemas.microsoft.com/office/drawing/2014/main" id="{932A4EF5-8FED-46F2-9229-D13C222DBFE7}"/>
            </a:ext>
          </a:extLst>
        </xdr:cNvPr>
        <xdr:cNvSpPr/>
      </xdr:nvSpPr>
      <xdr:spPr>
        <a:xfrm>
          <a:off x="19494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66221</xdr:rowOff>
    </xdr:from>
    <xdr:to>
      <xdr:col>98</xdr:col>
      <xdr:colOff>38100</xdr:colOff>
      <xdr:row>105</xdr:row>
      <xdr:rowOff>167821</xdr:rowOff>
    </xdr:to>
    <xdr:sp macro="" textlink="">
      <xdr:nvSpPr>
        <xdr:cNvPr id="897" name="フローチャート: 判断 896">
          <a:extLst>
            <a:ext uri="{FF2B5EF4-FFF2-40B4-BE49-F238E27FC236}">
              <a16:creationId xmlns:a16="http://schemas.microsoft.com/office/drawing/2014/main" id="{0822A2D9-5F1C-46A6-AE60-19BD4B41F5A4}"/>
            </a:ext>
          </a:extLst>
        </xdr:cNvPr>
        <xdr:cNvSpPr/>
      </xdr:nvSpPr>
      <xdr:spPr>
        <a:xfrm>
          <a:off x="18605500" y="1806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98" name="テキスト ボックス 897">
          <a:extLst>
            <a:ext uri="{FF2B5EF4-FFF2-40B4-BE49-F238E27FC236}">
              <a16:creationId xmlns:a16="http://schemas.microsoft.com/office/drawing/2014/main" id="{DB5B5C68-8073-42F6-A1D4-D9F6AA286505}"/>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99" name="テキスト ボックス 898">
          <a:extLst>
            <a:ext uri="{FF2B5EF4-FFF2-40B4-BE49-F238E27FC236}">
              <a16:creationId xmlns:a16="http://schemas.microsoft.com/office/drawing/2014/main" id="{9989E2BC-8CDF-445D-9663-D53994028E45}"/>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00" name="テキスト ボックス 899">
          <a:extLst>
            <a:ext uri="{FF2B5EF4-FFF2-40B4-BE49-F238E27FC236}">
              <a16:creationId xmlns:a16="http://schemas.microsoft.com/office/drawing/2014/main" id="{78E932D8-E480-4736-BCD5-874F0A7D3199}"/>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01" name="テキスト ボックス 900">
          <a:extLst>
            <a:ext uri="{FF2B5EF4-FFF2-40B4-BE49-F238E27FC236}">
              <a16:creationId xmlns:a16="http://schemas.microsoft.com/office/drawing/2014/main" id="{16A291C7-43FC-4E95-B32A-5BB70CBD2E9D}"/>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02" name="テキスト ボックス 901">
          <a:extLst>
            <a:ext uri="{FF2B5EF4-FFF2-40B4-BE49-F238E27FC236}">
              <a16:creationId xmlns:a16="http://schemas.microsoft.com/office/drawing/2014/main" id="{2EBFE638-2669-4A63-AF31-E9B0FE7CF40C}"/>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8</xdr:row>
      <xdr:rowOff>139700</xdr:rowOff>
    </xdr:from>
    <xdr:to>
      <xdr:col>102</xdr:col>
      <xdr:colOff>165100</xdr:colOff>
      <xdr:row>109</xdr:row>
      <xdr:rowOff>69850</xdr:rowOff>
    </xdr:to>
    <xdr:sp macro="" textlink="">
      <xdr:nvSpPr>
        <xdr:cNvPr id="903" name="楕円 902">
          <a:extLst>
            <a:ext uri="{FF2B5EF4-FFF2-40B4-BE49-F238E27FC236}">
              <a16:creationId xmlns:a16="http://schemas.microsoft.com/office/drawing/2014/main" id="{5EC59FD9-6350-43EC-A98E-0FA9D83C8E42}"/>
            </a:ext>
          </a:extLst>
        </xdr:cNvPr>
        <xdr:cNvSpPr/>
      </xdr:nvSpPr>
      <xdr:spPr>
        <a:xfrm>
          <a:off x="19494500" y="1865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3</xdr:row>
      <xdr:rowOff>168020</xdr:rowOff>
    </xdr:from>
    <xdr:ext cx="469744" cy="259045"/>
    <xdr:sp macro="" textlink="">
      <xdr:nvSpPr>
        <xdr:cNvPr id="904" name="n_1aveValue【公民館】&#10;一人当たり面積">
          <a:extLst>
            <a:ext uri="{FF2B5EF4-FFF2-40B4-BE49-F238E27FC236}">
              <a16:creationId xmlns:a16="http://schemas.microsoft.com/office/drawing/2014/main" id="{D6EAFD41-CC4A-41F5-9A8E-B2CF37F8D682}"/>
            </a:ext>
          </a:extLst>
        </xdr:cNvPr>
        <xdr:cNvSpPr txBox="1"/>
      </xdr:nvSpPr>
      <xdr:spPr>
        <a:xfrm>
          <a:off x="21075727" y="17827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5363</xdr:rowOff>
    </xdr:from>
    <xdr:ext cx="469744" cy="259045"/>
    <xdr:sp macro="" textlink="">
      <xdr:nvSpPr>
        <xdr:cNvPr id="905" name="n_2aveValue【公民館】&#10;一人当たり面積">
          <a:extLst>
            <a:ext uri="{FF2B5EF4-FFF2-40B4-BE49-F238E27FC236}">
              <a16:creationId xmlns:a16="http://schemas.microsoft.com/office/drawing/2014/main" id="{9286F0A2-11E1-450D-9DC7-CD3A98B4EAC4}"/>
            </a:ext>
          </a:extLst>
        </xdr:cNvPr>
        <xdr:cNvSpPr txBox="1"/>
      </xdr:nvSpPr>
      <xdr:spPr>
        <a:xfrm>
          <a:off x="20199427" y="17794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45556</xdr:rowOff>
    </xdr:from>
    <xdr:ext cx="469744" cy="259045"/>
    <xdr:sp macro="" textlink="">
      <xdr:nvSpPr>
        <xdr:cNvPr id="906" name="n_3aveValue【公民館】&#10;一人当たり面積">
          <a:extLst>
            <a:ext uri="{FF2B5EF4-FFF2-40B4-BE49-F238E27FC236}">
              <a16:creationId xmlns:a16="http://schemas.microsoft.com/office/drawing/2014/main" id="{A8B1F9C7-9138-4352-B75D-F1BB0E1C6DB0}"/>
            </a:ext>
          </a:extLst>
        </xdr:cNvPr>
        <xdr:cNvSpPr txBox="1"/>
      </xdr:nvSpPr>
      <xdr:spPr>
        <a:xfrm>
          <a:off x="19310427" y="17876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2898</xdr:rowOff>
    </xdr:from>
    <xdr:ext cx="469744" cy="259045"/>
    <xdr:sp macro="" textlink="">
      <xdr:nvSpPr>
        <xdr:cNvPr id="907" name="n_4aveValue【公民館】&#10;一人当たり面積">
          <a:extLst>
            <a:ext uri="{FF2B5EF4-FFF2-40B4-BE49-F238E27FC236}">
              <a16:creationId xmlns:a16="http://schemas.microsoft.com/office/drawing/2014/main" id="{7863B234-60B5-4E14-AB07-CF7365F3B411}"/>
            </a:ext>
          </a:extLst>
        </xdr:cNvPr>
        <xdr:cNvSpPr txBox="1"/>
      </xdr:nvSpPr>
      <xdr:spPr>
        <a:xfrm>
          <a:off x="18421427" y="17843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60977</xdr:rowOff>
    </xdr:from>
    <xdr:ext cx="469744" cy="259045"/>
    <xdr:sp macro="" textlink="">
      <xdr:nvSpPr>
        <xdr:cNvPr id="908" name="n_3mainValue【公民館】&#10;一人当たり面積">
          <a:extLst>
            <a:ext uri="{FF2B5EF4-FFF2-40B4-BE49-F238E27FC236}">
              <a16:creationId xmlns:a16="http://schemas.microsoft.com/office/drawing/2014/main" id="{2057970C-E022-4EB2-A88D-A0F2729D1C70}"/>
            </a:ext>
          </a:extLst>
        </xdr:cNvPr>
        <xdr:cNvSpPr txBox="1"/>
      </xdr:nvSpPr>
      <xdr:spPr>
        <a:xfrm>
          <a:off x="19310427" y="1874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09" name="正方形/長方形 908">
          <a:extLst>
            <a:ext uri="{FF2B5EF4-FFF2-40B4-BE49-F238E27FC236}">
              <a16:creationId xmlns:a16="http://schemas.microsoft.com/office/drawing/2014/main" id="{784F49AB-D79A-4131-A7A0-B3AE0A11C16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10" name="正方形/長方形 909">
          <a:extLst>
            <a:ext uri="{FF2B5EF4-FFF2-40B4-BE49-F238E27FC236}">
              <a16:creationId xmlns:a16="http://schemas.microsoft.com/office/drawing/2014/main" id="{CDECC3EA-C749-4424-A070-B111A656FE8D}"/>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11" name="テキスト ボックス 910">
          <a:extLst>
            <a:ext uri="{FF2B5EF4-FFF2-40B4-BE49-F238E27FC236}">
              <a16:creationId xmlns:a16="http://schemas.microsoft.com/office/drawing/2014/main" id="{A84ADBD1-31A9-4DDF-BEB2-74F46061748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保育所については、老朽化した園舎の更新により、類似団体平均に比べて低い数値となっている。</a:t>
          </a:r>
          <a:endParaRPr lang="ja-JP" altLang="ja-JP" sz="1400">
            <a:effectLst/>
          </a:endParaRPr>
        </a:p>
        <a:p>
          <a:r>
            <a:rPr kumimoji="1" lang="ja-JP" altLang="ja-JP" sz="1100">
              <a:solidFill>
                <a:schemeClr val="dk1"/>
              </a:solidFill>
              <a:effectLst/>
              <a:latin typeface="+mn-lt"/>
              <a:ea typeface="+mn-ea"/>
              <a:cs typeface="+mn-cs"/>
            </a:rPr>
            <a:t>公営住宅については、類似団体平均に比べて高い数値となっているが、現在進めている市営住宅集約化事業の完了により数値が改善される予定である。</a:t>
          </a:r>
          <a:endParaRPr lang="ja-JP" altLang="ja-JP" sz="1400">
            <a:effectLst/>
          </a:endParaRPr>
        </a:p>
        <a:p>
          <a:r>
            <a:rPr kumimoji="1" lang="ja-JP" altLang="ja-JP" sz="1100">
              <a:solidFill>
                <a:schemeClr val="dk1"/>
              </a:solidFill>
              <a:effectLst/>
              <a:latin typeface="+mn-lt"/>
              <a:ea typeface="+mn-ea"/>
              <a:cs typeface="+mn-cs"/>
            </a:rPr>
            <a:t>その他の施設については、今後も個別の計画を基に順次老朽化対策に取り組んで行くこととしてい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7A35189-A77E-41FA-834E-5F496F2937F9}"/>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19E2FF4F-26E3-404F-BB9D-02EEC8DB2D6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F5B6DC1C-ADBF-4969-88C0-BDBD159A3399}"/>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83BE10AC-071F-4E8A-B3CF-92D1AF42DCA7}"/>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730BEEC-CECF-452B-8E37-23E692FB5AF1}"/>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6AF07351-9362-484F-BE86-1CC8A1E64E2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E15B0969-F68D-4E52-9A54-8FCE734C725C}"/>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97C6CAF2-69AB-4F90-AE38-22DBD19D1DC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10487437-D629-4CF6-9AFD-65DA82C02C9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9A59F320-548A-4B95-9959-1DF55FA39BAA}"/>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1
175,421
39.66
69,868,970
64,948,417
4,560,901
36,532,544
31,933,37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53CE6823-A172-4C94-9AA5-25A2D526511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893C4B1-1122-460E-BB92-3322A7134697}"/>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4149F468-69F8-4D3E-9699-371E2AD255D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509AFA66-C751-41ED-905C-739AA697A694}"/>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B38C772A-0640-4061-BAAF-AC36E7F3A35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7ABAF2F8-EB46-4BAA-8165-AA5C4AF9668D}"/>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F088183-25D5-473F-97D8-615F8D0693A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D81DB9E0-57A2-4AFD-B1AC-56D7113BC2C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FCDD6C6B-BDDF-4124-87D9-68A6B44190BC}"/>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49DEA5E4-3D49-4C66-9DCA-7C734B9F86BE}"/>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0DFD732-C471-483E-86FC-F383E0431215}"/>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3E042B6A-4483-4083-B035-9E72491CA2A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13B11B36-5AC6-46A6-B3B2-72488AD527E7}"/>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BC104E74-5757-4E57-BA95-EE951034EC8B}"/>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3190A9F0-B323-47AE-B03F-8C6ADBF185BB}"/>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66087830-0BA5-4932-AE2E-E3F74EA7068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5273338E-EE3D-4277-A65D-DA55C5C5161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3855A563-F111-4108-9281-0FC098E619A5}"/>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B7281801-D77B-44D0-9B3D-4402BF7FC54A}"/>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10C7EFFE-19EE-4AEC-91F8-37AB667DE568}"/>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F0F26D6C-1E80-4D4D-802F-60AC7A2FEBA3}"/>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89212A43-326A-4078-8A02-BE5E90C0ED9A}"/>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4DB039C-3309-4824-B49B-B65F110B468A}"/>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F99ED27A-1895-4C1F-8982-632AAB2E13C9}"/>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EBF458E0-DD18-42C0-9EA9-13111FDEDE0B}"/>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34A935D2-3ED6-430B-A74B-DADC80789B23}"/>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44A9E504-2457-446F-96EF-5DA7294E111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580F072A-A91C-4E90-9FD0-FFBE4E3AB639}"/>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50A9EF2E-336A-46A1-AE4C-339F869CD2F1}"/>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9E2E44CC-5751-4821-9A56-02059300F9C6}"/>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DE1FD0A2-FA47-461C-906E-B5F15380A86F}"/>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E0C43E18-0A8F-45E5-8C47-B15C31EE985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791E0086-FE0C-45A1-A240-B94811E1F816}"/>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FE05EE75-1CB9-4EDE-9270-7686F8CA868B}"/>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DDBD970A-3C17-47A5-89F3-8D45A0420632}"/>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319B3DBA-585A-48FD-928B-E08740F09DDC}"/>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94656C84-87F8-4E39-A8F2-8D5A88BDCD3D}"/>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7A16929B-BF5E-476B-B849-DADF27164199}"/>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7F203313-0D2F-48F9-A55D-7F8B140711B1}"/>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3D058F11-E58F-414B-B6C7-9AB3010A7BA7}"/>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4D2A1C38-172A-4D9F-97E6-0F9D1B6A7CEC}"/>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277696EC-3D57-4484-885E-0F451E7FFEC2}"/>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610F0943-BDF4-4502-ACF2-A7509F96A9DB}"/>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06ED0A86-968D-4A93-88D9-53D925CF0A3E}"/>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id="{EDC10367-F7DA-4306-9279-A583EA8CE34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34290</xdr:rowOff>
    </xdr:from>
    <xdr:to>
      <xdr:col>24</xdr:col>
      <xdr:colOff>62865</xdr:colOff>
      <xdr:row>40</xdr:row>
      <xdr:rowOff>160020</xdr:rowOff>
    </xdr:to>
    <xdr:cxnSp macro="">
      <xdr:nvCxnSpPr>
        <xdr:cNvPr id="57" name="直線コネクタ 56">
          <a:extLst>
            <a:ext uri="{FF2B5EF4-FFF2-40B4-BE49-F238E27FC236}">
              <a16:creationId xmlns:a16="http://schemas.microsoft.com/office/drawing/2014/main" id="{D3DAD02B-27C1-425E-BD5F-983548AA6A9B}"/>
            </a:ext>
          </a:extLst>
        </xdr:cNvPr>
        <xdr:cNvCxnSpPr/>
      </xdr:nvCxnSpPr>
      <xdr:spPr>
        <a:xfrm flipV="1">
          <a:off x="4634865" y="5863590"/>
          <a:ext cx="0" cy="1154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3847</xdr:rowOff>
    </xdr:from>
    <xdr:ext cx="405111" cy="259045"/>
    <xdr:sp macro="" textlink="">
      <xdr:nvSpPr>
        <xdr:cNvPr id="58" name="【図書館】&#10;有形固定資産減価償却率最小値テキスト">
          <a:extLst>
            <a:ext uri="{FF2B5EF4-FFF2-40B4-BE49-F238E27FC236}">
              <a16:creationId xmlns:a16="http://schemas.microsoft.com/office/drawing/2014/main" id="{335EC37B-C45E-41A3-B986-32BCFC457BDA}"/>
            </a:ext>
          </a:extLst>
        </xdr:cNvPr>
        <xdr:cNvSpPr txBox="1"/>
      </xdr:nvSpPr>
      <xdr:spPr>
        <a:xfrm>
          <a:off x="4673600" y="702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0020</xdr:rowOff>
    </xdr:from>
    <xdr:to>
      <xdr:col>24</xdr:col>
      <xdr:colOff>152400</xdr:colOff>
      <xdr:row>40</xdr:row>
      <xdr:rowOff>160020</xdr:rowOff>
    </xdr:to>
    <xdr:cxnSp macro="">
      <xdr:nvCxnSpPr>
        <xdr:cNvPr id="59" name="直線コネクタ 58">
          <a:extLst>
            <a:ext uri="{FF2B5EF4-FFF2-40B4-BE49-F238E27FC236}">
              <a16:creationId xmlns:a16="http://schemas.microsoft.com/office/drawing/2014/main" id="{839E46F2-DF56-4D4B-B714-D900772FA9FD}"/>
            </a:ext>
          </a:extLst>
        </xdr:cNvPr>
        <xdr:cNvCxnSpPr/>
      </xdr:nvCxnSpPr>
      <xdr:spPr>
        <a:xfrm>
          <a:off x="4546600" y="7018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2417</xdr:rowOff>
    </xdr:from>
    <xdr:ext cx="405111" cy="259045"/>
    <xdr:sp macro="" textlink="">
      <xdr:nvSpPr>
        <xdr:cNvPr id="60" name="【図書館】&#10;有形固定資産減価償却率最大値テキスト">
          <a:extLst>
            <a:ext uri="{FF2B5EF4-FFF2-40B4-BE49-F238E27FC236}">
              <a16:creationId xmlns:a16="http://schemas.microsoft.com/office/drawing/2014/main" id="{0FC5A5AD-B73A-479D-B864-19990FAE375F}"/>
            </a:ext>
          </a:extLst>
        </xdr:cNvPr>
        <xdr:cNvSpPr txBox="1"/>
      </xdr:nvSpPr>
      <xdr:spPr>
        <a:xfrm>
          <a:off x="4673600" y="5638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34290</xdr:rowOff>
    </xdr:from>
    <xdr:to>
      <xdr:col>24</xdr:col>
      <xdr:colOff>152400</xdr:colOff>
      <xdr:row>34</xdr:row>
      <xdr:rowOff>34290</xdr:rowOff>
    </xdr:to>
    <xdr:cxnSp macro="">
      <xdr:nvCxnSpPr>
        <xdr:cNvPr id="61" name="直線コネクタ 60">
          <a:extLst>
            <a:ext uri="{FF2B5EF4-FFF2-40B4-BE49-F238E27FC236}">
              <a16:creationId xmlns:a16="http://schemas.microsoft.com/office/drawing/2014/main" id="{B0395921-FC99-41DF-9D10-16BCD16955F6}"/>
            </a:ext>
          </a:extLst>
        </xdr:cNvPr>
        <xdr:cNvCxnSpPr/>
      </xdr:nvCxnSpPr>
      <xdr:spPr>
        <a:xfrm>
          <a:off x="4546600" y="5863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103522</xdr:rowOff>
    </xdr:from>
    <xdr:ext cx="405111" cy="259045"/>
    <xdr:sp macro="" textlink="">
      <xdr:nvSpPr>
        <xdr:cNvPr id="62" name="【図書館】&#10;有形固定資産減価償却率平均値テキスト">
          <a:extLst>
            <a:ext uri="{FF2B5EF4-FFF2-40B4-BE49-F238E27FC236}">
              <a16:creationId xmlns:a16="http://schemas.microsoft.com/office/drawing/2014/main" id="{7536ACD4-0645-47BD-BF48-18553B7F5BBB}"/>
            </a:ext>
          </a:extLst>
        </xdr:cNvPr>
        <xdr:cNvSpPr txBox="1"/>
      </xdr:nvSpPr>
      <xdr:spPr>
        <a:xfrm>
          <a:off x="4673600" y="61042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0645</xdr:rowOff>
    </xdr:from>
    <xdr:to>
      <xdr:col>24</xdr:col>
      <xdr:colOff>114300</xdr:colOff>
      <xdr:row>37</xdr:row>
      <xdr:rowOff>10795</xdr:rowOff>
    </xdr:to>
    <xdr:sp macro="" textlink="">
      <xdr:nvSpPr>
        <xdr:cNvPr id="63" name="フローチャート: 判断 62">
          <a:extLst>
            <a:ext uri="{FF2B5EF4-FFF2-40B4-BE49-F238E27FC236}">
              <a16:creationId xmlns:a16="http://schemas.microsoft.com/office/drawing/2014/main" id="{976C86F5-35B3-4D92-B4A9-C8F899538587}"/>
            </a:ext>
          </a:extLst>
        </xdr:cNvPr>
        <xdr:cNvSpPr/>
      </xdr:nvSpPr>
      <xdr:spPr>
        <a:xfrm>
          <a:off x="4584700" y="6252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48260</xdr:rowOff>
    </xdr:from>
    <xdr:to>
      <xdr:col>20</xdr:col>
      <xdr:colOff>38100</xdr:colOff>
      <xdr:row>36</xdr:row>
      <xdr:rowOff>149860</xdr:rowOff>
    </xdr:to>
    <xdr:sp macro="" textlink="">
      <xdr:nvSpPr>
        <xdr:cNvPr id="64" name="フローチャート: 判断 63">
          <a:extLst>
            <a:ext uri="{FF2B5EF4-FFF2-40B4-BE49-F238E27FC236}">
              <a16:creationId xmlns:a16="http://schemas.microsoft.com/office/drawing/2014/main" id="{332C1AB3-0AE8-4AFF-954B-891497507B8F}"/>
            </a:ext>
          </a:extLst>
        </xdr:cNvPr>
        <xdr:cNvSpPr/>
      </xdr:nvSpPr>
      <xdr:spPr>
        <a:xfrm>
          <a:off x="3746500" y="622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99695</xdr:rowOff>
    </xdr:from>
    <xdr:to>
      <xdr:col>15</xdr:col>
      <xdr:colOff>101600</xdr:colOff>
      <xdr:row>37</xdr:row>
      <xdr:rowOff>29845</xdr:rowOff>
    </xdr:to>
    <xdr:sp macro="" textlink="">
      <xdr:nvSpPr>
        <xdr:cNvPr id="65" name="フローチャート: 判断 64">
          <a:extLst>
            <a:ext uri="{FF2B5EF4-FFF2-40B4-BE49-F238E27FC236}">
              <a16:creationId xmlns:a16="http://schemas.microsoft.com/office/drawing/2014/main" id="{B790450E-0431-4C42-840B-A65DE6E39D13}"/>
            </a:ext>
          </a:extLst>
        </xdr:cNvPr>
        <xdr:cNvSpPr/>
      </xdr:nvSpPr>
      <xdr:spPr>
        <a:xfrm>
          <a:off x="28575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76835</xdr:rowOff>
    </xdr:from>
    <xdr:to>
      <xdr:col>10</xdr:col>
      <xdr:colOff>165100</xdr:colOff>
      <xdr:row>37</xdr:row>
      <xdr:rowOff>6985</xdr:rowOff>
    </xdr:to>
    <xdr:sp macro="" textlink="">
      <xdr:nvSpPr>
        <xdr:cNvPr id="66" name="フローチャート: 判断 65">
          <a:extLst>
            <a:ext uri="{FF2B5EF4-FFF2-40B4-BE49-F238E27FC236}">
              <a16:creationId xmlns:a16="http://schemas.microsoft.com/office/drawing/2014/main" id="{AE2895E0-DFA1-4FB3-8F33-BEE9134F35F4}"/>
            </a:ext>
          </a:extLst>
        </xdr:cNvPr>
        <xdr:cNvSpPr/>
      </xdr:nvSpPr>
      <xdr:spPr>
        <a:xfrm>
          <a:off x="1968500" y="624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0165</xdr:rowOff>
    </xdr:from>
    <xdr:to>
      <xdr:col>6</xdr:col>
      <xdr:colOff>38100</xdr:colOff>
      <xdr:row>36</xdr:row>
      <xdr:rowOff>151765</xdr:rowOff>
    </xdr:to>
    <xdr:sp macro="" textlink="">
      <xdr:nvSpPr>
        <xdr:cNvPr id="67" name="フローチャート: 判断 66">
          <a:extLst>
            <a:ext uri="{FF2B5EF4-FFF2-40B4-BE49-F238E27FC236}">
              <a16:creationId xmlns:a16="http://schemas.microsoft.com/office/drawing/2014/main" id="{22D06265-FBFF-43DF-AAAA-6C88651A58F9}"/>
            </a:ext>
          </a:extLst>
        </xdr:cNvPr>
        <xdr:cNvSpPr/>
      </xdr:nvSpPr>
      <xdr:spPr>
        <a:xfrm>
          <a:off x="1079500" y="6222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86E5B8B6-3BCB-4B2F-B96B-9E4B7876F525}"/>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D8486E3D-144B-4AF3-B5CC-147C4FD22AD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E5C7ABF3-2494-4FF0-BE33-F75255F4DD1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D65BF768-FB68-471D-A7B3-90810C696239}"/>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B1E26D4E-7A3D-4398-83B7-4F6AEC524316}"/>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109220</xdr:rowOff>
    </xdr:from>
    <xdr:to>
      <xdr:col>24</xdr:col>
      <xdr:colOff>114300</xdr:colOff>
      <xdr:row>41</xdr:row>
      <xdr:rowOff>39370</xdr:rowOff>
    </xdr:to>
    <xdr:sp macro="" textlink="">
      <xdr:nvSpPr>
        <xdr:cNvPr id="73" name="楕円 72">
          <a:extLst>
            <a:ext uri="{FF2B5EF4-FFF2-40B4-BE49-F238E27FC236}">
              <a16:creationId xmlns:a16="http://schemas.microsoft.com/office/drawing/2014/main" id="{6064AE96-031D-4704-B419-65A8DB311600}"/>
            </a:ext>
          </a:extLst>
        </xdr:cNvPr>
        <xdr:cNvSpPr/>
      </xdr:nvSpPr>
      <xdr:spPr>
        <a:xfrm>
          <a:off x="4584700" y="696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24147</xdr:rowOff>
    </xdr:from>
    <xdr:ext cx="405111" cy="259045"/>
    <xdr:sp macro="" textlink="">
      <xdr:nvSpPr>
        <xdr:cNvPr id="74" name="【図書館】&#10;有形固定資産減価償却率該当値テキスト">
          <a:extLst>
            <a:ext uri="{FF2B5EF4-FFF2-40B4-BE49-F238E27FC236}">
              <a16:creationId xmlns:a16="http://schemas.microsoft.com/office/drawing/2014/main" id="{B22DFF5E-3F3C-437A-B04B-E9FC2913CE63}"/>
            </a:ext>
          </a:extLst>
        </xdr:cNvPr>
        <xdr:cNvSpPr txBox="1"/>
      </xdr:nvSpPr>
      <xdr:spPr>
        <a:xfrm>
          <a:off x="4673600" y="6882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1</xdr:row>
      <xdr:rowOff>158750</xdr:rowOff>
    </xdr:from>
    <xdr:to>
      <xdr:col>20</xdr:col>
      <xdr:colOff>38100</xdr:colOff>
      <xdr:row>42</xdr:row>
      <xdr:rowOff>88900</xdr:rowOff>
    </xdr:to>
    <xdr:sp macro="" textlink="">
      <xdr:nvSpPr>
        <xdr:cNvPr id="75" name="楕円 74">
          <a:extLst>
            <a:ext uri="{FF2B5EF4-FFF2-40B4-BE49-F238E27FC236}">
              <a16:creationId xmlns:a16="http://schemas.microsoft.com/office/drawing/2014/main" id="{A7DAB8DD-DBB4-478D-8B2C-563377F0CB92}"/>
            </a:ext>
          </a:extLst>
        </xdr:cNvPr>
        <xdr:cNvSpPr/>
      </xdr:nvSpPr>
      <xdr:spPr>
        <a:xfrm>
          <a:off x="3746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60020</xdr:rowOff>
    </xdr:from>
    <xdr:to>
      <xdr:col>24</xdr:col>
      <xdr:colOff>63500</xdr:colOff>
      <xdr:row>42</xdr:row>
      <xdr:rowOff>38100</xdr:rowOff>
    </xdr:to>
    <xdr:cxnSp macro="">
      <xdr:nvCxnSpPr>
        <xdr:cNvPr id="76" name="直線コネクタ 75">
          <a:extLst>
            <a:ext uri="{FF2B5EF4-FFF2-40B4-BE49-F238E27FC236}">
              <a16:creationId xmlns:a16="http://schemas.microsoft.com/office/drawing/2014/main" id="{D85C7CB2-EDA5-450E-8AC0-D05E7E6BA7CA}"/>
            </a:ext>
          </a:extLst>
        </xdr:cNvPr>
        <xdr:cNvCxnSpPr/>
      </xdr:nvCxnSpPr>
      <xdr:spPr>
        <a:xfrm flipV="1">
          <a:off x="3797300" y="7018020"/>
          <a:ext cx="8382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1</xdr:row>
      <xdr:rowOff>158750</xdr:rowOff>
    </xdr:from>
    <xdr:to>
      <xdr:col>15</xdr:col>
      <xdr:colOff>101600</xdr:colOff>
      <xdr:row>42</xdr:row>
      <xdr:rowOff>88900</xdr:rowOff>
    </xdr:to>
    <xdr:sp macro="" textlink="">
      <xdr:nvSpPr>
        <xdr:cNvPr id="77" name="楕円 76">
          <a:extLst>
            <a:ext uri="{FF2B5EF4-FFF2-40B4-BE49-F238E27FC236}">
              <a16:creationId xmlns:a16="http://schemas.microsoft.com/office/drawing/2014/main" id="{503132C9-EACF-44B0-A9E6-6433E67B46D1}"/>
            </a:ext>
          </a:extLst>
        </xdr:cNvPr>
        <xdr:cNvSpPr/>
      </xdr:nvSpPr>
      <xdr:spPr>
        <a:xfrm>
          <a:off x="2857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2</xdr:row>
      <xdr:rowOff>38100</xdr:rowOff>
    </xdr:from>
    <xdr:to>
      <xdr:col>19</xdr:col>
      <xdr:colOff>177800</xdr:colOff>
      <xdr:row>42</xdr:row>
      <xdr:rowOff>38100</xdr:rowOff>
    </xdr:to>
    <xdr:cxnSp macro="">
      <xdr:nvCxnSpPr>
        <xdr:cNvPr id="78" name="直線コネクタ 77">
          <a:extLst>
            <a:ext uri="{FF2B5EF4-FFF2-40B4-BE49-F238E27FC236}">
              <a16:creationId xmlns:a16="http://schemas.microsoft.com/office/drawing/2014/main" id="{90C962F3-1746-4035-BD09-EA716731DA00}"/>
            </a:ext>
          </a:extLst>
        </xdr:cNvPr>
        <xdr:cNvCxnSpPr/>
      </xdr:nvCxnSpPr>
      <xdr:spPr>
        <a:xfrm>
          <a:off x="2908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1</xdr:row>
      <xdr:rowOff>122555</xdr:rowOff>
    </xdr:from>
    <xdr:to>
      <xdr:col>10</xdr:col>
      <xdr:colOff>165100</xdr:colOff>
      <xdr:row>42</xdr:row>
      <xdr:rowOff>52705</xdr:rowOff>
    </xdr:to>
    <xdr:sp macro="" textlink="">
      <xdr:nvSpPr>
        <xdr:cNvPr id="79" name="楕円 78">
          <a:extLst>
            <a:ext uri="{FF2B5EF4-FFF2-40B4-BE49-F238E27FC236}">
              <a16:creationId xmlns:a16="http://schemas.microsoft.com/office/drawing/2014/main" id="{FD28FDCE-F59B-4B11-B305-FD89A66402CD}"/>
            </a:ext>
          </a:extLst>
        </xdr:cNvPr>
        <xdr:cNvSpPr/>
      </xdr:nvSpPr>
      <xdr:spPr>
        <a:xfrm>
          <a:off x="1968500" y="7152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2</xdr:row>
      <xdr:rowOff>1905</xdr:rowOff>
    </xdr:from>
    <xdr:to>
      <xdr:col>15</xdr:col>
      <xdr:colOff>50800</xdr:colOff>
      <xdr:row>42</xdr:row>
      <xdr:rowOff>38100</xdr:rowOff>
    </xdr:to>
    <xdr:cxnSp macro="">
      <xdr:nvCxnSpPr>
        <xdr:cNvPr id="80" name="直線コネクタ 79">
          <a:extLst>
            <a:ext uri="{FF2B5EF4-FFF2-40B4-BE49-F238E27FC236}">
              <a16:creationId xmlns:a16="http://schemas.microsoft.com/office/drawing/2014/main" id="{F7201996-8163-469E-82DA-30DF48A08268}"/>
            </a:ext>
          </a:extLst>
        </xdr:cNvPr>
        <xdr:cNvCxnSpPr/>
      </xdr:nvCxnSpPr>
      <xdr:spPr>
        <a:xfrm>
          <a:off x="2019300" y="720280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1</xdr:row>
      <xdr:rowOff>80645</xdr:rowOff>
    </xdr:from>
    <xdr:to>
      <xdr:col>6</xdr:col>
      <xdr:colOff>38100</xdr:colOff>
      <xdr:row>42</xdr:row>
      <xdr:rowOff>10795</xdr:rowOff>
    </xdr:to>
    <xdr:sp macro="" textlink="">
      <xdr:nvSpPr>
        <xdr:cNvPr id="81" name="楕円 80">
          <a:extLst>
            <a:ext uri="{FF2B5EF4-FFF2-40B4-BE49-F238E27FC236}">
              <a16:creationId xmlns:a16="http://schemas.microsoft.com/office/drawing/2014/main" id="{8354A388-B04E-43B7-B9CE-4AB09F495B6E}"/>
            </a:ext>
          </a:extLst>
        </xdr:cNvPr>
        <xdr:cNvSpPr/>
      </xdr:nvSpPr>
      <xdr:spPr>
        <a:xfrm>
          <a:off x="1079500" y="7110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1</xdr:row>
      <xdr:rowOff>131445</xdr:rowOff>
    </xdr:from>
    <xdr:to>
      <xdr:col>10</xdr:col>
      <xdr:colOff>114300</xdr:colOff>
      <xdr:row>42</xdr:row>
      <xdr:rowOff>1905</xdr:rowOff>
    </xdr:to>
    <xdr:cxnSp macro="">
      <xdr:nvCxnSpPr>
        <xdr:cNvPr id="82" name="直線コネクタ 81">
          <a:extLst>
            <a:ext uri="{FF2B5EF4-FFF2-40B4-BE49-F238E27FC236}">
              <a16:creationId xmlns:a16="http://schemas.microsoft.com/office/drawing/2014/main" id="{E9C2DCD2-52DC-435D-B105-C4287315A018}"/>
            </a:ext>
          </a:extLst>
        </xdr:cNvPr>
        <xdr:cNvCxnSpPr/>
      </xdr:nvCxnSpPr>
      <xdr:spPr>
        <a:xfrm>
          <a:off x="1130300" y="716089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166387</xdr:rowOff>
    </xdr:from>
    <xdr:ext cx="405111" cy="259045"/>
    <xdr:sp macro="" textlink="">
      <xdr:nvSpPr>
        <xdr:cNvPr id="83" name="n_1aveValue【図書館】&#10;有形固定資産減価償却率">
          <a:extLst>
            <a:ext uri="{FF2B5EF4-FFF2-40B4-BE49-F238E27FC236}">
              <a16:creationId xmlns:a16="http://schemas.microsoft.com/office/drawing/2014/main" id="{29F83A1C-3491-4FE1-8A2F-E38345B30813}"/>
            </a:ext>
          </a:extLst>
        </xdr:cNvPr>
        <xdr:cNvSpPr txBox="1"/>
      </xdr:nvSpPr>
      <xdr:spPr>
        <a:xfrm>
          <a:off x="3582044" y="599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6372</xdr:rowOff>
    </xdr:from>
    <xdr:ext cx="405111" cy="259045"/>
    <xdr:sp macro="" textlink="">
      <xdr:nvSpPr>
        <xdr:cNvPr id="84" name="n_2aveValue【図書館】&#10;有形固定資産減価償却率">
          <a:extLst>
            <a:ext uri="{FF2B5EF4-FFF2-40B4-BE49-F238E27FC236}">
              <a16:creationId xmlns:a16="http://schemas.microsoft.com/office/drawing/2014/main" id="{F5F3CB6D-BAB6-4716-AA88-BB01573E27F2}"/>
            </a:ext>
          </a:extLst>
        </xdr:cNvPr>
        <xdr:cNvSpPr txBox="1"/>
      </xdr:nvSpPr>
      <xdr:spPr>
        <a:xfrm>
          <a:off x="2705744" y="604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23512</xdr:rowOff>
    </xdr:from>
    <xdr:ext cx="405111" cy="259045"/>
    <xdr:sp macro="" textlink="">
      <xdr:nvSpPr>
        <xdr:cNvPr id="85" name="n_3aveValue【図書館】&#10;有形固定資産減価償却率">
          <a:extLst>
            <a:ext uri="{FF2B5EF4-FFF2-40B4-BE49-F238E27FC236}">
              <a16:creationId xmlns:a16="http://schemas.microsoft.com/office/drawing/2014/main" id="{0B863D94-112D-43E8-B51C-23E304CBD59B}"/>
            </a:ext>
          </a:extLst>
        </xdr:cNvPr>
        <xdr:cNvSpPr txBox="1"/>
      </xdr:nvSpPr>
      <xdr:spPr>
        <a:xfrm>
          <a:off x="1816744"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68292</xdr:rowOff>
    </xdr:from>
    <xdr:ext cx="405111" cy="259045"/>
    <xdr:sp macro="" textlink="">
      <xdr:nvSpPr>
        <xdr:cNvPr id="86" name="n_4aveValue【図書館】&#10;有形固定資産減価償却率">
          <a:extLst>
            <a:ext uri="{FF2B5EF4-FFF2-40B4-BE49-F238E27FC236}">
              <a16:creationId xmlns:a16="http://schemas.microsoft.com/office/drawing/2014/main" id="{EB4A7EFC-6A81-4FF6-92F9-6C7613A24566}"/>
            </a:ext>
          </a:extLst>
        </xdr:cNvPr>
        <xdr:cNvSpPr txBox="1"/>
      </xdr:nvSpPr>
      <xdr:spPr>
        <a:xfrm>
          <a:off x="927744"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42</xdr:row>
      <xdr:rowOff>80027</xdr:rowOff>
    </xdr:from>
    <xdr:ext cx="469744" cy="259045"/>
    <xdr:sp macro="" textlink="">
      <xdr:nvSpPr>
        <xdr:cNvPr id="87" name="n_1mainValue【図書館】&#10;有形固定資産減価償却率">
          <a:extLst>
            <a:ext uri="{FF2B5EF4-FFF2-40B4-BE49-F238E27FC236}">
              <a16:creationId xmlns:a16="http://schemas.microsoft.com/office/drawing/2014/main" id="{DA70B3DB-7039-4944-8A59-61AF2ED3C186}"/>
            </a:ext>
          </a:extLst>
        </xdr:cNvPr>
        <xdr:cNvSpPr txBox="1"/>
      </xdr:nvSpPr>
      <xdr:spPr>
        <a:xfrm>
          <a:off x="35497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42</xdr:row>
      <xdr:rowOff>80027</xdr:rowOff>
    </xdr:from>
    <xdr:ext cx="469744" cy="259045"/>
    <xdr:sp macro="" textlink="">
      <xdr:nvSpPr>
        <xdr:cNvPr id="88" name="n_2mainValue【図書館】&#10;有形固定資産減価償却率">
          <a:extLst>
            <a:ext uri="{FF2B5EF4-FFF2-40B4-BE49-F238E27FC236}">
              <a16:creationId xmlns:a16="http://schemas.microsoft.com/office/drawing/2014/main" id="{31E7AFC4-69F8-46EE-ADAE-7FA91A456530}"/>
            </a:ext>
          </a:extLst>
        </xdr:cNvPr>
        <xdr:cNvSpPr txBox="1"/>
      </xdr:nvSpPr>
      <xdr:spPr>
        <a:xfrm>
          <a:off x="2673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2</xdr:row>
      <xdr:rowOff>43832</xdr:rowOff>
    </xdr:from>
    <xdr:ext cx="405111" cy="259045"/>
    <xdr:sp macro="" textlink="">
      <xdr:nvSpPr>
        <xdr:cNvPr id="89" name="n_3mainValue【図書館】&#10;有形固定資産減価償却率">
          <a:extLst>
            <a:ext uri="{FF2B5EF4-FFF2-40B4-BE49-F238E27FC236}">
              <a16:creationId xmlns:a16="http://schemas.microsoft.com/office/drawing/2014/main" id="{9D187B84-C659-4F49-BE21-3171796C75E4}"/>
            </a:ext>
          </a:extLst>
        </xdr:cNvPr>
        <xdr:cNvSpPr txBox="1"/>
      </xdr:nvSpPr>
      <xdr:spPr>
        <a:xfrm>
          <a:off x="1816744" y="724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2</xdr:row>
      <xdr:rowOff>1922</xdr:rowOff>
    </xdr:from>
    <xdr:ext cx="405111" cy="259045"/>
    <xdr:sp macro="" textlink="">
      <xdr:nvSpPr>
        <xdr:cNvPr id="90" name="n_4mainValue【図書館】&#10;有形固定資産減価償却率">
          <a:extLst>
            <a:ext uri="{FF2B5EF4-FFF2-40B4-BE49-F238E27FC236}">
              <a16:creationId xmlns:a16="http://schemas.microsoft.com/office/drawing/2014/main" id="{7A0AEC00-E7FB-4600-A6BC-B95A724112D8}"/>
            </a:ext>
          </a:extLst>
        </xdr:cNvPr>
        <xdr:cNvSpPr txBox="1"/>
      </xdr:nvSpPr>
      <xdr:spPr>
        <a:xfrm>
          <a:off x="927744" y="720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5C17BF84-2971-4EF0-A8C3-7456339F7F8A}"/>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E7C16FF1-1453-4F9F-96B6-FAC7512F165B}"/>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F58BA65C-806F-418C-9D4E-299A8433BE86}"/>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7AD537B7-8B52-4A65-8BB6-1922F7A72663}"/>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AA7BB39E-46A2-4BFD-ACA1-52FFD6A8374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B91BFAC1-6D98-418C-A3E8-528FDD4045A6}"/>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F96FABB2-FF30-4C2A-8DEF-B157EFCDCA63}"/>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EA84489B-968C-47E3-9217-79692E861F0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a:extLst>
            <a:ext uri="{FF2B5EF4-FFF2-40B4-BE49-F238E27FC236}">
              <a16:creationId xmlns:a16="http://schemas.microsoft.com/office/drawing/2014/main" id="{BABBC16F-7B99-4E58-A2CA-FB3AC136BD1D}"/>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9092A737-4285-4682-B919-92CF202894BF}"/>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6D2EFC55-46E0-46E4-AAB6-2385AF93DD6A}"/>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1A3E8A08-5312-4F44-9282-0B3502F2636A}"/>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99AE3363-E1A1-4649-A825-D5A9E824C11C}"/>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4" name="テキスト ボックス 103">
          <a:extLst>
            <a:ext uri="{FF2B5EF4-FFF2-40B4-BE49-F238E27FC236}">
              <a16:creationId xmlns:a16="http://schemas.microsoft.com/office/drawing/2014/main" id="{B1AE2330-E22E-4343-A748-1A700FF171EC}"/>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72BC202B-1DD7-4E2F-8184-490F9B769F48}"/>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6" name="テキスト ボックス 105">
          <a:extLst>
            <a:ext uri="{FF2B5EF4-FFF2-40B4-BE49-F238E27FC236}">
              <a16:creationId xmlns:a16="http://schemas.microsoft.com/office/drawing/2014/main" id="{C0AF005E-135C-41AC-ABC8-BB96BA831650}"/>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AB8CCDD4-D6F2-4E47-8F37-43799BC608C6}"/>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8" name="テキスト ボックス 107">
          <a:extLst>
            <a:ext uri="{FF2B5EF4-FFF2-40B4-BE49-F238E27FC236}">
              <a16:creationId xmlns:a16="http://schemas.microsoft.com/office/drawing/2014/main" id="{D4B3910D-1F14-47EF-BAE8-7FBF4860CBBE}"/>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62BAFE01-602B-4279-BA54-FCDC092AD651}"/>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0" name="テキスト ボックス 109">
          <a:extLst>
            <a:ext uri="{FF2B5EF4-FFF2-40B4-BE49-F238E27FC236}">
              <a16:creationId xmlns:a16="http://schemas.microsoft.com/office/drawing/2014/main" id="{861AE959-20C7-4F3C-8228-010F35E46C21}"/>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C88EA33C-17F0-43D7-918B-728DEDF4B226}"/>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2" name="テキスト ボックス 111">
          <a:extLst>
            <a:ext uri="{FF2B5EF4-FFF2-40B4-BE49-F238E27FC236}">
              <a16:creationId xmlns:a16="http://schemas.microsoft.com/office/drawing/2014/main" id="{26F812CA-47C5-44CB-A13C-9FE0D59B2639}"/>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図書館】&#10;一人当たり面積グラフ枠">
          <a:extLst>
            <a:ext uri="{FF2B5EF4-FFF2-40B4-BE49-F238E27FC236}">
              <a16:creationId xmlns:a16="http://schemas.microsoft.com/office/drawing/2014/main" id="{69DE4350-7B75-4D5F-981C-3F1666D591E2}"/>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27000</xdr:rowOff>
    </xdr:from>
    <xdr:to>
      <xdr:col>54</xdr:col>
      <xdr:colOff>189865</xdr:colOff>
      <xdr:row>41</xdr:row>
      <xdr:rowOff>146050</xdr:rowOff>
    </xdr:to>
    <xdr:cxnSp macro="">
      <xdr:nvCxnSpPr>
        <xdr:cNvPr id="114" name="直線コネクタ 113">
          <a:extLst>
            <a:ext uri="{FF2B5EF4-FFF2-40B4-BE49-F238E27FC236}">
              <a16:creationId xmlns:a16="http://schemas.microsoft.com/office/drawing/2014/main" id="{FC18180E-F3AC-444F-9886-8E6917CF1FBF}"/>
            </a:ext>
          </a:extLst>
        </xdr:cNvPr>
        <xdr:cNvCxnSpPr/>
      </xdr:nvCxnSpPr>
      <xdr:spPr>
        <a:xfrm flipV="1">
          <a:off x="10476865" y="56134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9877</xdr:rowOff>
    </xdr:from>
    <xdr:ext cx="469744" cy="259045"/>
    <xdr:sp macro="" textlink="">
      <xdr:nvSpPr>
        <xdr:cNvPr id="115" name="【図書館】&#10;一人当たり面積最小値テキスト">
          <a:extLst>
            <a:ext uri="{FF2B5EF4-FFF2-40B4-BE49-F238E27FC236}">
              <a16:creationId xmlns:a16="http://schemas.microsoft.com/office/drawing/2014/main" id="{B19A7615-30F9-4769-B465-DBE39C5DBC04}"/>
            </a:ext>
          </a:extLst>
        </xdr:cNvPr>
        <xdr:cNvSpPr txBox="1"/>
      </xdr:nvSpPr>
      <xdr:spPr>
        <a:xfrm>
          <a:off x="10515600" y="717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6050</xdr:rowOff>
    </xdr:from>
    <xdr:to>
      <xdr:col>55</xdr:col>
      <xdr:colOff>88900</xdr:colOff>
      <xdr:row>41</xdr:row>
      <xdr:rowOff>146050</xdr:rowOff>
    </xdr:to>
    <xdr:cxnSp macro="">
      <xdr:nvCxnSpPr>
        <xdr:cNvPr id="116" name="直線コネクタ 115">
          <a:extLst>
            <a:ext uri="{FF2B5EF4-FFF2-40B4-BE49-F238E27FC236}">
              <a16:creationId xmlns:a16="http://schemas.microsoft.com/office/drawing/2014/main" id="{C853041F-713B-4240-9A0E-4DEFCFC11361}"/>
            </a:ext>
          </a:extLst>
        </xdr:cNvPr>
        <xdr:cNvCxnSpPr/>
      </xdr:nvCxnSpPr>
      <xdr:spPr>
        <a:xfrm>
          <a:off x="103886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73677</xdr:rowOff>
    </xdr:from>
    <xdr:ext cx="469744" cy="259045"/>
    <xdr:sp macro="" textlink="">
      <xdr:nvSpPr>
        <xdr:cNvPr id="117" name="【図書館】&#10;一人当たり面積最大値テキスト">
          <a:extLst>
            <a:ext uri="{FF2B5EF4-FFF2-40B4-BE49-F238E27FC236}">
              <a16:creationId xmlns:a16="http://schemas.microsoft.com/office/drawing/2014/main" id="{E69B99F4-F645-4171-BD98-CAFD993B1209}"/>
            </a:ext>
          </a:extLst>
        </xdr:cNvPr>
        <xdr:cNvSpPr txBox="1"/>
      </xdr:nvSpPr>
      <xdr:spPr>
        <a:xfrm>
          <a:off x="10515600" y="538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27000</xdr:rowOff>
    </xdr:from>
    <xdr:to>
      <xdr:col>55</xdr:col>
      <xdr:colOff>88900</xdr:colOff>
      <xdr:row>32</xdr:row>
      <xdr:rowOff>127000</xdr:rowOff>
    </xdr:to>
    <xdr:cxnSp macro="">
      <xdr:nvCxnSpPr>
        <xdr:cNvPr id="118" name="直線コネクタ 117">
          <a:extLst>
            <a:ext uri="{FF2B5EF4-FFF2-40B4-BE49-F238E27FC236}">
              <a16:creationId xmlns:a16="http://schemas.microsoft.com/office/drawing/2014/main" id="{A669A24F-49D9-4527-8C2C-51C5DB4DA072}"/>
            </a:ext>
          </a:extLst>
        </xdr:cNvPr>
        <xdr:cNvCxnSpPr/>
      </xdr:nvCxnSpPr>
      <xdr:spPr>
        <a:xfrm>
          <a:off x="10388600" y="561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56227</xdr:rowOff>
    </xdr:from>
    <xdr:ext cx="469744" cy="259045"/>
    <xdr:sp macro="" textlink="">
      <xdr:nvSpPr>
        <xdr:cNvPr id="119" name="【図書館】&#10;一人当たり面積平均値テキスト">
          <a:extLst>
            <a:ext uri="{FF2B5EF4-FFF2-40B4-BE49-F238E27FC236}">
              <a16:creationId xmlns:a16="http://schemas.microsoft.com/office/drawing/2014/main" id="{A141F264-E4A8-4A68-BFF4-E56C9EFFB713}"/>
            </a:ext>
          </a:extLst>
        </xdr:cNvPr>
        <xdr:cNvSpPr txBox="1"/>
      </xdr:nvSpPr>
      <xdr:spPr>
        <a:xfrm>
          <a:off x="10515600" y="6671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33350</xdr:rowOff>
    </xdr:from>
    <xdr:to>
      <xdr:col>55</xdr:col>
      <xdr:colOff>50800</xdr:colOff>
      <xdr:row>40</xdr:row>
      <xdr:rowOff>63500</xdr:rowOff>
    </xdr:to>
    <xdr:sp macro="" textlink="">
      <xdr:nvSpPr>
        <xdr:cNvPr id="120" name="フローチャート: 判断 119">
          <a:extLst>
            <a:ext uri="{FF2B5EF4-FFF2-40B4-BE49-F238E27FC236}">
              <a16:creationId xmlns:a16="http://schemas.microsoft.com/office/drawing/2014/main" id="{75E0F3B9-FB39-4F88-883B-097C4F18D49B}"/>
            </a:ext>
          </a:extLst>
        </xdr:cNvPr>
        <xdr:cNvSpPr/>
      </xdr:nvSpPr>
      <xdr:spPr>
        <a:xfrm>
          <a:off x="104267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3350</xdr:rowOff>
    </xdr:from>
    <xdr:to>
      <xdr:col>50</xdr:col>
      <xdr:colOff>165100</xdr:colOff>
      <xdr:row>40</xdr:row>
      <xdr:rowOff>63500</xdr:rowOff>
    </xdr:to>
    <xdr:sp macro="" textlink="">
      <xdr:nvSpPr>
        <xdr:cNvPr id="121" name="フローチャート: 判断 120">
          <a:extLst>
            <a:ext uri="{FF2B5EF4-FFF2-40B4-BE49-F238E27FC236}">
              <a16:creationId xmlns:a16="http://schemas.microsoft.com/office/drawing/2014/main" id="{7B7C4B7D-55F2-4F7C-A968-9EAE4FF344CE}"/>
            </a:ext>
          </a:extLst>
        </xdr:cNvPr>
        <xdr:cNvSpPr/>
      </xdr:nvSpPr>
      <xdr:spPr>
        <a:xfrm>
          <a:off x="9588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0</xdr:rowOff>
    </xdr:from>
    <xdr:to>
      <xdr:col>46</xdr:col>
      <xdr:colOff>38100</xdr:colOff>
      <xdr:row>40</xdr:row>
      <xdr:rowOff>101600</xdr:rowOff>
    </xdr:to>
    <xdr:sp macro="" textlink="">
      <xdr:nvSpPr>
        <xdr:cNvPr id="122" name="フローチャート: 判断 121">
          <a:extLst>
            <a:ext uri="{FF2B5EF4-FFF2-40B4-BE49-F238E27FC236}">
              <a16:creationId xmlns:a16="http://schemas.microsoft.com/office/drawing/2014/main" id="{E04E8050-D207-4424-84AF-08DA17E2A900}"/>
            </a:ext>
          </a:extLst>
        </xdr:cNvPr>
        <xdr:cNvSpPr/>
      </xdr:nvSpPr>
      <xdr:spPr>
        <a:xfrm>
          <a:off x="8699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0</xdr:rowOff>
    </xdr:from>
    <xdr:to>
      <xdr:col>41</xdr:col>
      <xdr:colOff>101600</xdr:colOff>
      <xdr:row>40</xdr:row>
      <xdr:rowOff>101600</xdr:rowOff>
    </xdr:to>
    <xdr:sp macro="" textlink="">
      <xdr:nvSpPr>
        <xdr:cNvPr id="123" name="フローチャート: 判断 122">
          <a:extLst>
            <a:ext uri="{FF2B5EF4-FFF2-40B4-BE49-F238E27FC236}">
              <a16:creationId xmlns:a16="http://schemas.microsoft.com/office/drawing/2014/main" id="{CFF9936B-F3CA-4BEA-8FD0-140E35EA37DC}"/>
            </a:ext>
          </a:extLst>
        </xdr:cNvPr>
        <xdr:cNvSpPr/>
      </xdr:nvSpPr>
      <xdr:spPr>
        <a:xfrm>
          <a:off x="7810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0</xdr:rowOff>
    </xdr:from>
    <xdr:to>
      <xdr:col>36</xdr:col>
      <xdr:colOff>165100</xdr:colOff>
      <xdr:row>40</xdr:row>
      <xdr:rowOff>101600</xdr:rowOff>
    </xdr:to>
    <xdr:sp macro="" textlink="">
      <xdr:nvSpPr>
        <xdr:cNvPr id="124" name="フローチャート: 判断 123">
          <a:extLst>
            <a:ext uri="{FF2B5EF4-FFF2-40B4-BE49-F238E27FC236}">
              <a16:creationId xmlns:a16="http://schemas.microsoft.com/office/drawing/2014/main" id="{90FF8E73-061B-4AF3-AAB4-CF067C9EE938}"/>
            </a:ext>
          </a:extLst>
        </xdr:cNvPr>
        <xdr:cNvSpPr/>
      </xdr:nvSpPr>
      <xdr:spPr>
        <a:xfrm>
          <a:off x="6921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7369E229-FC9A-4536-A17B-96FB77C4FF5B}"/>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5F26490B-13F7-47ED-9918-43090311FBF3}"/>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A6BCC7EC-380A-4F8B-A8BC-2D66D654C78B}"/>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AF84C536-14C5-4C7C-8E4E-6DB1B7FFE4EB}"/>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EA94D290-2942-4C38-8E18-F2B79E78BA47}"/>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2400</xdr:rowOff>
    </xdr:from>
    <xdr:to>
      <xdr:col>55</xdr:col>
      <xdr:colOff>50800</xdr:colOff>
      <xdr:row>41</xdr:row>
      <xdr:rowOff>82550</xdr:rowOff>
    </xdr:to>
    <xdr:sp macro="" textlink="">
      <xdr:nvSpPr>
        <xdr:cNvPr id="130" name="楕円 129">
          <a:extLst>
            <a:ext uri="{FF2B5EF4-FFF2-40B4-BE49-F238E27FC236}">
              <a16:creationId xmlns:a16="http://schemas.microsoft.com/office/drawing/2014/main" id="{02790E32-EE4C-489F-856E-194238F03A7E}"/>
            </a:ext>
          </a:extLst>
        </xdr:cNvPr>
        <xdr:cNvSpPr/>
      </xdr:nvSpPr>
      <xdr:spPr>
        <a:xfrm>
          <a:off x="104267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7327</xdr:rowOff>
    </xdr:from>
    <xdr:ext cx="469744" cy="259045"/>
    <xdr:sp macro="" textlink="">
      <xdr:nvSpPr>
        <xdr:cNvPr id="131" name="【図書館】&#10;一人当たり面積該当値テキスト">
          <a:extLst>
            <a:ext uri="{FF2B5EF4-FFF2-40B4-BE49-F238E27FC236}">
              <a16:creationId xmlns:a16="http://schemas.microsoft.com/office/drawing/2014/main" id="{DBFB1DCE-C155-459D-91E8-B81FAB67D8EB}"/>
            </a:ext>
          </a:extLst>
        </xdr:cNvPr>
        <xdr:cNvSpPr txBox="1"/>
      </xdr:nvSpPr>
      <xdr:spPr>
        <a:xfrm>
          <a:off x="10515600" y="692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2400</xdr:rowOff>
    </xdr:from>
    <xdr:to>
      <xdr:col>50</xdr:col>
      <xdr:colOff>165100</xdr:colOff>
      <xdr:row>41</xdr:row>
      <xdr:rowOff>82550</xdr:rowOff>
    </xdr:to>
    <xdr:sp macro="" textlink="">
      <xdr:nvSpPr>
        <xdr:cNvPr id="132" name="楕円 131">
          <a:extLst>
            <a:ext uri="{FF2B5EF4-FFF2-40B4-BE49-F238E27FC236}">
              <a16:creationId xmlns:a16="http://schemas.microsoft.com/office/drawing/2014/main" id="{3A8B7716-4EBC-4DCE-9091-328F88B61A84}"/>
            </a:ext>
          </a:extLst>
        </xdr:cNvPr>
        <xdr:cNvSpPr/>
      </xdr:nvSpPr>
      <xdr:spPr>
        <a:xfrm>
          <a:off x="9588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1750</xdr:rowOff>
    </xdr:from>
    <xdr:to>
      <xdr:col>55</xdr:col>
      <xdr:colOff>0</xdr:colOff>
      <xdr:row>41</xdr:row>
      <xdr:rowOff>31750</xdr:rowOff>
    </xdr:to>
    <xdr:cxnSp macro="">
      <xdr:nvCxnSpPr>
        <xdr:cNvPr id="133" name="直線コネクタ 132">
          <a:extLst>
            <a:ext uri="{FF2B5EF4-FFF2-40B4-BE49-F238E27FC236}">
              <a16:creationId xmlns:a16="http://schemas.microsoft.com/office/drawing/2014/main" id="{E4CFC459-AD95-4BEC-A9B7-2F4F36E1819B}"/>
            </a:ext>
          </a:extLst>
        </xdr:cNvPr>
        <xdr:cNvCxnSpPr/>
      </xdr:nvCxnSpPr>
      <xdr:spPr>
        <a:xfrm>
          <a:off x="9639300" y="7061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2400</xdr:rowOff>
    </xdr:from>
    <xdr:to>
      <xdr:col>46</xdr:col>
      <xdr:colOff>38100</xdr:colOff>
      <xdr:row>41</xdr:row>
      <xdr:rowOff>82550</xdr:rowOff>
    </xdr:to>
    <xdr:sp macro="" textlink="">
      <xdr:nvSpPr>
        <xdr:cNvPr id="134" name="楕円 133">
          <a:extLst>
            <a:ext uri="{FF2B5EF4-FFF2-40B4-BE49-F238E27FC236}">
              <a16:creationId xmlns:a16="http://schemas.microsoft.com/office/drawing/2014/main" id="{302A24ED-69B7-4795-AD40-48599C9C5B7F}"/>
            </a:ext>
          </a:extLst>
        </xdr:cNvPr>
        <xdr:cNvSpPr/>
      </xdr:nvSpPr>
      <xdr:spPr>
        <a:xfrm>
          <a:off x="8699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1750</xdr:rowOff>
    </xdr:from>
    <xdr:to>
      <xdr:col>50</xdr:col>
      <xdr:colOff>114300</xdr:colOff>
      <xdr:row>41</xdr:row>
      <xdr:rowOff>31750</xdr:rowOff>
    </xdr:to>
    <xdr:cxnSp macro="">
      <xdr:nvCxnSpPr>
        <xdr:cNvPr id="135" name="直線コネクタ 134">
          <a:extLst>
            <a:ext uri="{FF2B5EF4-FFF2-40B4-BE49-F238E27FC236}">
              <a16:creationId xmlns:a16="http://schemas.microsoft.com/office/drawing/2014/main" id="{02B679CB-C228-47D1-AA2E-D2F0362163C5}"/>
            </a:ext>
          </a:extLst>
        </xdr:cNvPr>
        <xdr:cNvCxnSpPr/>
      </xdr:nvCxnSpPr>
      <xdr:spPr>
        <a:xfrm>
          <a:off x="8750300" y="7061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2400</xdr:rowOff>
    </xdr:from>
    <xdr:to>
      <xdr:col>41</xdr:col>
      <xdr:colOff>101600</xdr:colOff>
      <xdr:row>41</xdr:row>
      <xdr:rowOff>82550</xdr:rowOff>
    </xdr:to>
    <xdr:sp macro="" textlink="">
      <xdr:nvSpPr>
        <xdr:cNvPr id="136" name="楕円 135">
          <a:extLst>
            <a:ext uri="{FF2B5EF4-FFF2-40B4-BE49-F238E27FC236}">
              <a16:creationId xmlns:a16="http://schemas.microsoft.com/office/drawing/2014/main" id="{B81419DB-9E1A-469F-AE99-42EC052EF3F3}"/>
            </a:ext>
          </a:extLst>
        </xdr:cNvPr>
        <xdr:cNvSpPr/>
      </xdr:nvSpPr>
      <xdr:spPr>
        <a:xfrm>
          <a:off x="7810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1750</xdr:rowOff>
    </xdr:from>
    <xdr:to>
      <xdr:col>45</xdr:col>
      <xdr:colOff>177800</xdr:colOff>
      <xdr:row>41</xdr:row>
      <xdr:rowOff>31750</xdr:rowOff>
    </xdr:to>
    <xdr:cxnSp macro="">
      <xdr:nvCxnSpPr>
        <xdr:cNvPr id="137" name="直線コネクタ 136">
          <a:extLst>
            <a:ext uri="{FF2B5EF4-FFF2-40B4-BE49-F238E27FC236}">
              <a16:creationId xmlns:a16="http://schemas.microsoft.com/office/drawing/2014/main" id="{9A47BFF5-B2EE-4209-A21A-5A23E1B62E6D}"/>
            </a:ext>
          </a:extLst>
        </xdr:cNvPr>
        <xdr:cNvCxnSpPr/>
      </xdr:nvCxnSpPr>
      <xdr:spPr>
        <a:xfrm>
          <a:off x="7861300" y="7061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5100</xdr:rowOff>
    </xdr:from>
    <xdr:to>
      <xdr:col>36</xdr:col>
      <xdr:colOff>165100</xdr:colOff>
      <xdr:row>41</xdr:row>
      <xdr:rowOff>95250</xdr:rowOff>
    </xdr:to>
    <xdr:sp macro="" textlink="">
      <xdr:nvSpPr>
        <xdr:cNvPr id="138" name="楕円 137">
          <a:extLst>
            <a:ext uri="{FF2B5EF4-FFF2-40B4-BE49-F238E27FC236}">
              <a16:creationId xmlns:a16="http://schemas.microsoft.com/office/drawing/2014/main" id="{4596E9B8-7B03-4EB1-8838-C1FE9964EF10}"/>
            </a:ext>
          </a:extLst>
        </xdr:cNvPr>
        <xdr:cNvSpPr/>
      </xdr:nvSpPr>
      <xdr:spPr>
        <a:xfrm>
          <a:off x="6921500" y="702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1750</xdr:rowOff>
    </xdr:from>
    <xdr:to>
      <xdr:col>41</xdr:col>
      <xdr:colOff>50800</xdr:colOff>
      <xdr:row>41</xdr:row>
      <xdr:rowOff>44450</xdr:rowOff>
    </xdr:to>
    <xdr:cxnSp macro="">
      <xdr:nvCxnSpPr>
        <xdr:cNvPr id="139" name="直線コネクタ 138">
          <a:extLst>
            <a:ext uri="{FF2B5EF4-FFF2-40B4-BE49-F238E27FC236}">
              <a16:creationId xmlns:a16="http://schemas.microsoft.com/office/drawing/2014/main" id="{CA95E25B-C6FE-4E5D-A5AC-147F766A09DD}"/>
            </a:ext>
          </a:extLst>
        </xdr:cNvPr>
        <xdr:cNvCxnSpPr/>
      </xdr:nvCxnSpPr>
      <xdr:spPr>
        <a:xfrm flipV="1">
          <a:off x="6972300" y="70612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0027</xdr:rowOff>
    </xdr:from>
    <xdr:ext cx="469744" cy="259045"/>
    <xdr:sp macro="" textlink="">
      <xdr:nvSpPr>
        <xdr:cNvPr id="140" name="n_1aveValue【図書館】&#10;一人当たり面積">
          <a:extLst>
            <a:ext uri="{FF2B5EF4-FFF2-40B4-BE49-F238E27FC236}">
              <a16:creationId xmlns:a16="http://schemas.microsoft.com/office/drawing/2014/main" id="{9CF02FB2-CB10-44E5-BE1A-8EF00B91C523}"/>
            </a:ext>
          </a:extLst>
        </xdr:cNvPr>
        <xdr:cNvSpPr txBox="1"/>
      </xdr:nvSpPr>
      <xdr:spPr>
        <a:xfrm>
          <a:off x="9391727" y="659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8127</xdr:rowOff>
    </xdr:from>
    <xdr:ext cx="469744" cy="259045"/>
    <xdr:sp macro="" textlink="">
      <xdr:nvSpPr>
        <xdr:cNvPr id="141" name="n_2aveValue【図書館】&#10;一人当たり面積">
          <a:extLst>
            <a:ext uri="{FF2B5EF4-FFF2-40B4-BE49-F238E27FC236}">
              <a16:creationId xmlns:a16="http://schemas.microsoft.com/office/drawing/2014/main" id="{9895AA0B-E5CC-40C3-8CA1-83A3AE78F791}"/>
            </a:ext>
          </a:extLst>
        </xdr:cNvPr>
        <xdr:cNvSpPr txBox="1"/>
      </xdr:nvSpPr>
      <xdr:spPr>
        <a:xfrm>
          <a:off x="8515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42" name="n_3aveValue【図書館】&#10;一人当たり面積">
          <a:extLst>
            <a:ext uri="{FF2B5EF4-FFF2-40B4-BE49-F238E27FC236}">
              <a16:creationId xmlns:a16="http://schemas.microsoft.com/office/drawing/2014/main" id="{FE694350-3210-45B8-ACBF-1A993FF85365}"/>
            </a:ext>
          </a:extLst>
        </xdr:cNvPr>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8127</xdr:rowOff>
    </xdr:from>
    <xdr:ext cx="469744" cy="259045"/>
    <xdr:sp macro="" textlink="">
      <xdr:nvSpPr>
        <xdr:cNvPr id="143" name="n_4aveValue【図書館】&#10;一人当たり面積">
          <a:extLst>
            <a:ext uri="{FF2B5EF4-FFF2-40B4-BE49-F238E27FC236}">
              <a16:creationId xmlns:a16="http://schemas.microsoft.com/office/drawing/2014/main" id="{31CCB9C1-40A2-47B8-9196-DE2ACA497EF8}"/>
            </a:ext>
          </a:extLst>
        </xdr:cNvPr>
        <xdr:cNvSpPr txBox="1"/>
      </xdr:nvSpPr>
      <xdr:spPr>
        <a:xfrm>
          <a:off x="6737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3677</xdr:rowOff>
    </xdr:from>
    <xdr:ext cx="469744" cy="259045"/>
    <xdr:sp macro="" textlink="">
      <xdr:nvSpPr>
        <xdr:cNvPr id="144" name="n_1mainValue【図書館】&#10;一人当たり面積">
          <a:extLst>
            <a:ext uri="{FF2B5EF4-FFF2-40B4-BE49-F238E27FC236}">
              <a16:creationId xmlns:a16="http://schemas.microsoft.com/office/drawing/2014/main" id="{18C25878-23EF-4AC1-B2F2-C042130961F8}"/>
            </a:ext>
          </a:extLst>
        </xdr:cNvPr>
        <xdr:cNvSpPr txBox="1"/>
      </xdr:nvSpPr>
      <xdr:spPr>
        <a:xfrm>
          <a:off x="93917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3677</xdr:rowOff>
    </xdr:from>
    <xdr:ext cx="469744" cy="259045"/>
    <xdr:sp macro="" textlink="">
      <xdr:nvSpPr>
        <xdr:cNvPr id="145" name="n_2mainValue【図書館】&#10;一人当たり面積">
          <a:extLst>
            <a:ext uri="{FF2B5EF4-FFF2-40B4-BE49-F238E27FC236}">
              <a16:creationId xmlns:a16="http://schemas.microsoft.com/office/drawing/2014/main" id="{305F19A5-2CB1-4AD3-B472-16DB1E068838}"/>
            </a:ext>
          </a:extLst>
        </xdr:cNvPr>
        <xdr:cNvSpPr txBox="1"/>
      </xdr:nvSpPr>
      <xdr:spPr>
        <a:xfrm>
          <a:off x="85154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73677</xdr:rowOff>
    </xdr:from>
    <xdr:ext cx="469744" cy="259045"/>
    <xdr:sp macro="" textlink="">
      <xdr:nvSpPr>
        <xdr:cNvPr id="146" name="n_3mainValue【図書館】&#10;一人当たり面積">
          <a:extLst>
            <a:ext uri="{FF2B5EF4-FFF2-40B4-BE49-F238E27FC236}">
              <a16:creationId xmlns:a16="http://schemas.microsoft.com/office/drawing/2014/main" id="{06E7D156-A95C-4181-95F8-3402B507B9BD}"/>
            </a:ext>
          </a:extLst>
        </xdr:cNvPr>
        <xdr:cNvSpPr txBox="1"/>
      </xdr:nvSpPr>
      <xdr:spPr>
        <a:xfrm>
          <a:off x="76264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86377</xdr:rowOff>
    </xdr:from>
    <xdr:ext cx="469744" cy="259045"/>
    <xdr:sp macro="" textlink="">
      <xdr:nvSpPr>
        <xdr:cNvPr id="147" name="n_4mainValue【図書館】&#10;一人当たり面積">
          <a:extLst>
            <a:ext uri="{FF2B5EF4-FFF2-40B4-BE49-F238E27FC236}">
              <a16:creationId xmlns:a16="http://schemas.microsoft.com/office/drawing/2014/main" id="{357A7690-41DF-45FE-9A3E-92A2AC9CD42E}"/>
            </a:ext>
          </a:extLst>
        </xdr:cNvPr>
        <xdr:cNvSpPr txBox="1"/>
      </xdr:nvSpPr>
      <xdr:spPr>
        <a:xfrm>
          <a:off x="6737427" y="711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A3A85114-7AEF-48DB-95C3-84B3E47923C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FD91C905-6F94-4A10-B6A5-069A595766E9}"/>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E7E48551-D345-4F4F-962E-43095547B719}"/>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BC050F0D-6711-4977-8A08-E4862519675C}"/>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62D172C0-29AC-4904-9BDA-0BCB5F190BB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0E95386F-2992-4890-A322-9254371E6D18}"/>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020E9FC9-EFD3-403B-937E-5C34B017229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D24A014F-05A1-4E18-A104-C203AE3A76D6}"/>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6E8D5F6C-865B-43AC-A6C4-F99685895C5F}"/>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7E64F3A6-8A72-414C-8AB4-29C94A847EF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A8C46377-A5BF-422C-8849-F3A311B9EE0A}"/>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a:extLst>
            <a:ext uri="{FF2B5EF4-FFF2-40B4-BE49-F238E27FC236}">
              <a16:creationId xmlns:a16="http://schemas.microsoft.com/office/drawing/2014/main" id="{E71E18C9-CCFE-4311-9C8C-11F854FC0DC9}"/>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a:extLst>
            <a:ext uri="{FF2B5EF4-FFF2-40B4-BE49-F238E27FC236}">
              <a16:creationId xmlns:a16="http://schemas.microsoft.com/office/drawing/2014/main" id="{DB56B5F4-53A2-4DF7-BBDB-936871F6F522}"/>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a:extLst>
            <a:ext uri="{FF2B5EF4-FFF2-40B4-BE49-F238E27FC236}">
              <a16:creationId xmlns:a16="http://schemas.microsoft.com/office/drawing/2014/main" id="{E4BC5B38-8C1E-4934-974E-1ADF0624CCCB}"/>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a:extLst>
            <a:ext uri="{FF2B5EF4-FFF2-40B4-BE49-F238E27FC236}">
              <a16:creationId xmlns:a16="http://schemas.microsoft.com/office/drawing/2014/main" id="{CD5CE792-BAB8-4458-BD50-788001EA27E5}"/>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a:extLst>
            <a:ext uri="{FF2B5EF4-FFF2-40B4-BE49-F238E27FC236}">
              <a16:creationId xmlns:a16="http://schemas.microsoft.com/office/drawing/2014/main" id="{211ED420-A939-4763-9752-B3652D5069F3}"/>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a:extLst>
            <a:ext uri="{FF2B5EF4-FFF2-40B4-BE49-F238E27FC236}">
              <a16:creationId xmlns:a16="http://schemas.microsoft.com/office/drawing/2014/main" id="{94BEBED7-992D-4932-9535-9386C0A96E25}"/>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a:extLst>
            <a:ext uri="{FF2B5EF4-FFF2-40B4-BE49-F238E27FC236}">
              <a16:creationId xmlns:a16="http://schemas.microsoft.com/office/drawing/2014/main" id="{8995D975-CA50-4385-9164-4B5F6BD1375C}"/>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a:extLst>
            <a:ext uri="{FF2B5EF4-FFF2-40B4-BE49-F238E27FC236}">
              <a16:creationId xmlns:a16="http://schemas.microsoft.com/office/drawing/2014/main" id="{468C805A-5469-401D-BFF9-717470D1C7E9}"/>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a:extLst>
            <a:ext uri="{FF2B5EF4-FFF2-40B4-BE49-F238E27FC236}">
              <a16:creationId xmlns:a16="http://schemas.microsoft.com/office/drawing/2014/main" id="{5C097A8D-6515-4775-BE02-E4C06F85DAC2}"/>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a:extLst>
            <a:ext uri="{FF2B5EF4-FFF2-40B4-BE49-F238E27FC236}">
              <a16:creationId xmlns:a16="http://schemas.microsoft.com/office/drawing/2014/main" id="{99EB0808-9AFC-4888-A0C8-7CE20936181D}"/>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8A6144D4-4C69-4752-9FEA-BF2C00106859}"/>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a:extLst>
            <a:ext uri="{FF2B5EF4-FFF2-40B4-BE49-F238E27FC236}">
              <a16:creationId xmlns:a16="http://schemas.microsoft.com/office/drawing/2014/main" id="{704FC7D5-35C8-4C49-A6A5-2C1DFD19C65F}"/>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体育館・プール】&#10;有形固定資産減価償却率グラフ枠">
          <a:extLst>
            <a:ext uri="{FF2B5EF4-FFF2-40B4-BE49-F238E27FC236}">
              <a16:creationId xmlns:a16="http://schemas.microsoft.com/office/drawing/2014/main" id="{25552704-DFB0-40F1-A1A0-FB038FF90C3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60960</xdr:rowOff>
    </xdr:from>
    <xdr:to>
      <xdr:col>24</xdr:col>
      <xdr:colOff>62865</xdr:colOff>
      <xdr:row>64</xdr:row>
      <xdr:rowOff>76200</xdr:rowOff>
    </xdr:to>
    <xdr:cxnSp macro="">
      <xdr:nvCxnSpPr>
        <xdr:cNvPr id="172" name="直線コネクタ 171">
          <a:extLst>
            <a:ext uri="{FF2B5EF4-FFF2-40B4-BE49-F238E27FC236}">
              <a16:creationId xmlns:a16="http://schemas.microsoft.com/office/drawing/2014/main" id="{558104B3-3858-4F8E-9294-03577F9823EC}"/>
            </a:ext>
          </a:extLst>
        </xdr:cNvPr>
        <xdr:cNvCxnSpPr/>
      </xdr:nvCxnSpPr>
      <xdr:spPr>
        <a:xfrm flipV="1">
          <a:off x="4634865" y="9490710"/>
          <a:ext cx="0" cy="155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3" name="【体育館・プール】&#10;有形固定資産減価償却率最小値テキスト">
          <a:extLst>
            <a:ext uri="{FF2B5EF4-FFF2-40B4-BE49-F238E27FC236}">
              <a16:creationId xmlns:a16="http://schemas.microsoft.com/office/drawing/2014/main" id="{8C32A4D1-E7C6-47C6-AD2A-B4708B873893}"/>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4" name="直線コネクタ 173">
          <a:extLst>
            <a:ext uri="{FF2B5EF4-FFF2-40B4-BE49-F238E27FC236}">
              <a16:creationId xmlns:a16="http://schemas.microsoft.com/office/drawing/2014/main" id="{3420AFB2-47C4-4617-B27B-859D023DAF83}"/>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7637</xdr:rowOff>
    </xdr:from>
    <xdr:ext cx="405111" cy="259045"/>
    <xdr:sp macro="" textlink="">
      <xdr:nvSpPr>
        <xdr:cNvPr id="175" name="【体育館・プール】&#10;有形固定資産減価償却率最大値テキスト">
          <a:extLst>
            <a:ext uri="{FF2B5EF4-FFF2-40B4-BE49-F238E27FC236}">
              <a16:creationId xmlns:a16="http://schemas.microsoft.com/office/drawing/2014/main" id="{AB0B4E1F-2014-4445-879F-03427336C478}"/>
            </a:ext>
          </a:extLst>
        </xdr:cNvPr>
        <xdr:cNvSpPr txBox="1"/>
      </xdr:nvSpPr>
      <xdr:spPr>
        <a:xfrm>
          <a:off x="4673600" y="9265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60960</xdr:rowOff>
    </xdr:from>
    <xdr:to>
      <xdr:col>24</xdr:col>
      <xdr:colOff>152400</xdr:colOff>
      <xdr:row>55</xdr:row>
      <xdr:rowOff>60960</xdr:rowOff>
    </xdr:to>
    <xdr:cxnSp macro="">
      <xdr:nvCxnSpPr>
        <xdr:cNvPr id="176" name="直線コネクタ 175">
          <a:extLst>
            <a:ext uri="{FF2B5EF4-FFF2-40B4-BE49-F238E27FC236}">
              <a16:creationId xmlns:a16="http://schemas.microsoft.com/office/drawing/2014/main" id="{B2A446C0-B0E1-40FF-A295-4B721FD5B5D8}"/>
            </a:ext>
          </a:extLst>
        </xdr:cNvPr>
        <xdr:cNvCxnSpPr/>
      </xdr:nvCxnSpPr>
      <xdr:spPr>
        <a:xfrm>
          <a:off x="4546600" y="949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97807</xdr:rowOff>
    </xdr:from>
    <xdr:ext cx="405111" cy="259045"/>
    <xdr:sp macro="" textlink="">
      <xdr:nvSpPr>
        <xdr:cNvPr id="177" name="【体育館・プール】&#10;有形固定資産減価償却率平均値テキスト">
          <a:extLst>
            <a:ext uri="{FF2B5EF4-FFF2-40B4-BE49-F238E27FC236}">
              <a16:creationId xmlns:a16="http://schemas.microsoft.com/office/drawing/2014/main" id="{CB2A5B26-7D80-40B1-A99F-21369B18575C}"/>
            </a:ext>
          </a:extLst>
        </xdr:cNvPr>
        <xdr:cNvSpPr txBox="1"/>
      </xdr:nvSpPr>
      <xdr:spPr>
        <a:xfrm>
          <a:off x="4673600" y="10041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4930</xdr:rowOff>
    </xdr:from>
    <xdr:to>
      <xdr:col>24</xdr:col>
      <xdr:colOff>114300</xdr:colOff>
      <xdr:row>60</xdr:row>
      <xdr:rowOff>5080</xdr:rowOff>
    </xdr:to>
    <xdr:sp macro="" textlink="">
      <xdr:nvSpPr>
        <xdr:cNvPr id="178" name="フローチャート: 判断 177">
          <a:extLst>
            <a:ext uri="{FF2B5EF4-FFF2-40B4-BE49-F238E27FC236}">
              <a16:creationId xmlns:a16="http://schemas.microsoft.com/office/drawing/2014/main" id="{6BF77DA8-416B-4D34-8CAF-8500AB27FA42}"/>
            </a:ext>
          </a:extLst>
        </xdr:cNvPr>
        <xdr:cNvSpPr/>
      </xdr:nvSpPr>
      <xdr:spPr>
        <a:xfrm>
          <a:off x="45847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71120</xdr:rowOff>
    </xdr:from>
    <xdr:to>
      <xdr:col>20</xdr:col>
      <xdr:colOff>38100</xdr:colOff>
      <xdr:row>60</xdr:row>
      <xdr:rowOff>1270</xdr:rowOff>
    </xdr:to>
    <xdr:sp macro="" textlink="">
      <xdr:nvSpPr>
        <xdr:cNvPr id="179" name="フローチャート: 判断 178">
          <a:extLst>
            <a:ext uri="{FF2B5EF4-FFF2-40B4-BE49-F238E27FC236}">
              <a16:creationId xmlns:a16="http://schemas.microsoft.com/office/drawing/2014/main" id="{0D9796C5-39DA-4EDF-8003-388D43F0561E}"/>
            </a:ext>
          </a:extLst>
        </xdr:cNvPr>
        <xdr:cNvSpPr/>
      </xdr:nvSpPr>
      <xdr:spPr>
        <a:xfrm>
          <a:off x="37465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16840</xdr:rowOff>
    </xdr:from>
    <xdr:to>
      <xdr:col>15</xdr:col>
      <xdr:colOff>101600</xdr:colOff>
      <xdr:row>60</xdr:row>
      <xdr:rowOff>46990</xdr:rowOff>
    </xdr:to>
    <xdr:sp macro="" textlink="">
      <xdr:nvSpPr>
        <xdr:cNvPr id="180" name="フローチャート: 判断 179">
          <a:extLst>
            <a:ext uri="{FF2B5EF4-FFF2-40B4-BE49-F238E27FC236}">
              <a16:creationId xmlns:a16="http://schemas.microsoft.com/office/drawing/2014/main" id="{3B764369-2B83-45D9-A4F8-B91328A19181}"/>
            </a:ext>
          </a:extLst>
        </xdr:cNvPr>
        <xdr:cNvSpPr/>
      </xdr:nvSpPr>
      <xdr:spPr>
        <a:xfrm>
          <a:off x="2857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28270</xdr:rowOff>
    </xdr:from>
    <xdr:to>
      <xdr:col>10</xdr:col>
      <xdr:colOff>165100</xdr:colOff>
      <xdr:row>60</xdr:row>
      <xdr:rowOff>58420</xdr:rowOff>
    </xdr:to>
    <xdr:sp macro="" textlink="">
      <xdr:nvSpPr>
        <xdr:cNvPr id="181" name="フローチャート: 判断 180">
          <a:extLst>
            <a:ext uri="{FF2B5EF4-FFF2-40B4-BE49-F238E27FC236}">
              <a16:creationId xmlns:a16="http://schemas.microsoft.com/office/drawing/2014/main" id="{363F8343-F1B7-4032-9743-50B5B775ACB4}"/>
            </a:ext>
          </a:extLst>
        </xdr:cNvPr>
        <xdr:cNvSpPr/>
      </xdr:nvSpPr>
      <xdr:spPr>
        <a:xfrm>
          <a:off x="1968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93980</xdr:rowOff>
    </xdr:from>
    <xdr:to>
      <xdr:col>6</xdr:col>
      <xdr:colOff>38100</xdr:colOff>
      <xdr:row>60</xdr:row>
      <xdr:rowOff>24130</xdr:rowOff>
    </xdr:to>
    <xdr:sp macro="" textlink="">
      <xdr:nvSpPr>
        <xdr:cNvPr id="182" name="フローチャート: 判断 181">
          <a:extLst>
            <a:ext uri="{FF2B5EF4-FFF2-40B4-BE49-F238E27FC236}">
              <a16:creationId xmlns:a16="http://schemas.microsoft.com/office/drawing/2014/main" id="{22EC89C8-1097-460C-8668-097E44DA5729}"/>
            </a:ext>
          </a:extLst>
        </xdr:cNvPr>
        <xdr:cNvSpPr/>
      </xdr:nvSpPr>
      <xdr:spPr>
        <a:xfrm>
          <a:off x="1079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AB9139E4-7728-4308-AA45-BD10A025FB2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70425E23-0BD2-45EB-815D-C98EFE2B50DA}"/>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C8CCEF6-610F-4130-A128-67632136011D}"/>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3E5A6C06-9E31-4A72-9189-2A7CC3AD9F2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C2EDE621-B5F6-446A-80AD-A8EB0641C266}"/>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55880</xdr:rowOff>
    </xdr:from>
    <xdr:to>
      <xdr:col>24</xdr:col>
      <xdr:colOff>114300</xdr:colOff>
      <xdr:row>60</xdr:row>
      <xdr:rowOff>157480</xdr:rowOff>
    </xdr:to>
    <xdr:sp macro="" textlink="">
      <xdr:nvSpPr>
        <xdr:cNvPr id="188" name="楕円 187">
          <a:extLst>
            <a:ext uri="{FF2B5EF4-FFF2-40B4-BE49-F238E27FC236}">
              <a16:creationId xmlns:a16="http://schemas.microsoft.com/office/drawing/2014/main" id="{2030F63F-7F5A-4174-9347-4DA46E64A14F}"/>
            </a:ext>
          </a:extLst>
        </xdr:cNvPr>
        <xdr:cNvSpPr/>
      </xdr:nvSpPr>
      <xdr:spPr>
        <a:xfrm>
          <a:off x="4584700" y="1034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34307</xdr:rowOff>
    </xdr:from>
    <xdr:ext cx="405111" cy="259045"/>
    <xdr:sp macro="" textlink="">
      <xdr:nvSpPr>
        <xdr:cNvPr id="189" name="【体育館・プール】&#10;有形固定資産減価償却率該当値テキスト">
          <a:extLst>
            <a:ext uri="{FF2B5EF4-FFF2-40B4-BE49-F238E27FC236}">
              <a16:creationId xmlns:a16="http://schemas.microsoft.com/office/drawing/2014/main" id="{2FB7BEBB-B3B0-441B-B2E5-FFB18DB7E74B}"/>
            </a:ext>
          </a:extLst>
        </xdr:cNvPr>
        <xdr:cNvSpPr txBox="1"/>
      </xdr:nvSpPr>
      <xdr:spPr>
        <a:xfrm>
          <a:off x="4673600" y="1032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23495</xdr:rowOff>
    </xdr:from>
    <xdr:to>
      <xdr:col>20</xdr:col>
      <xdr:colOff>38100</xdr:colOff>
      <xdr:row>60</xdr:row>
      <xdr:rowOff>125095</xdr:rowOff>
    </xdr:to>
    <xdr:sp macro="" textlink="">
      <xdr:nvSpPr>
        <xdr:cNvPr id="190" name="楕円 189">
          <a:extLst>
            <a:ext uri="{FF2B5EF4-FFF2-40B4-BE49-F238E27FC236}">
              <a16:creationId xmlns:a16="http://schemas.microsoft.com/office/drawing/2014/main" id="{21A93777-F0F1-472D-A696-818AAE1E9A7D}"/>
            </a:ext>
          </a:extLst>
        </xdr:cNvPr>
        <xdr:cNvSpPr/>
      </xdr:nvSpPr>
      <xdr:spPr>
        <a:xfrm>
          <a:off x="3746500" y="10310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74295</xdr:rowOff>
    </xdr:from>
    <xdr:to>
      <xdr:col>24</xdr:col>
      <xdr:colOff>63500</xdr:colOff>
      <xdr:row>60</xdr:row>
      <xdr:rowOff>106680</xdr:rowOff>
    </xdr:to>
    <xdr:cxnSp macro="">
      <xdr:nvCxnSpPr>
        <xdr:cNvPr id="191" name="直線コネクタ 190">
          <a:extLst>
            <a:ext uri="{FF2B5EF4-FFF2-40B4-BE49-F238E27FC236}">
              <a16:creationId xmlns:a16="http://schemas.microsoft.com/office/drawing/2014/main" id="{6FE6E41B-050F-437C-93F7-A2B25AA07AE4}"/>
            </a:ext>
          </a:extLst>
        </xdr:cNvPr>
        <xdr:cNvCxnSpPr/>
      </xdr:nvCxnSpPr>
      <xdr:spPr>
        <a:xfrm>
          <a:off x="3797300" y="1036129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38735</xdr:rowOff>
    </xdr:from>
    <xdr:to>
      <xdr:col>15</xdr:col>
      <xdr:colOff>101600</xdr:colOff>
      <xdr:row>60</xdr:row>
      <xdr:rowOff>140335</xdr:rowOff>
    </xdr:to>
    <xdr:sp macro="" textlink="">
      <xdr:nvSpPr>
        <xdr:cNvPr id="192" name="楕円 191">
          <a:extLst>
            <a:ext uri="{FF2B5EF4-FFF2-40B4-BE49-F238E27FC236}">
              <a16:creationId xmlns:a16="http://schemas.microsoft.com/office/drawing/2014/main" id="{1E7A1E81-0F99-4DB5-A10B-4F174C19A2F1}"/>
            </a:ext>
          </a:extLst>
        </xdr:cNvPr>
        <xdr:cNvSpPr/>
      </xdr:nvSpPr>
      <xdr:spPr>
        <a:xfrm>
          <a:off x="2857500" y="1032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74295</xdr:rowOff>
    </xdr:from>
    <xdr:to>
      <xdr:col>19</xdr:col>
      <xdr:colOff>177800</xdr:colOff>
      <xdr:row>60</xdr:row>
      <xdr:rowOff>89535</xdr:rowOff>
    </xdr:to>
    <xdr:cxnSp macro="">
      <xdr:nvCxnSpPr>
        <xdr:cNvPr id="193" name="直線コネクタ 192">
          <a:extLst>
            <a:ext uri="{FF2B5EF4-FFF2-40B4-BE49-F238E27FC236}">
              <a16:creationId xmlns:a16="http://schemas.microsoft.com/office/drawing/2014/main" id="{2E6E5029-E341-48B1-94E6-ADA8E10EB63E}"/>
            </a:ext>
          </a:extLst>
        </xdr:cNvPr>
        <xdr:cNvCxnSpPr/>
      </xdr:nvCxnSpPr>
      <xdr:spPr>
        <a:xfrm flipV="1">
          <a:off x="2908300" y="1036129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38735</xdr:rowOff>
    </xdr:from>
    <xdr:to>
      <xdr:col>10</xdr:col>
      <xdr:colOff>165100</xdr:colOff>
      <xdr:row>60</xdr:row>
      <xdr:rowOff>140335</xdr:rowOff>
    </xdr:to>
    <xdr:sp macro="" textlink="">
      <xdr:nvSpPr>
        <xdr:cNvPr id="194" name="楕円 193">
          <a:extLst>
            <a:ext uri="{FF2B5EF4-FFF2-40B4-BE49-F238E27FC236}">
              <a16:creationId xmlns:a16="http://schemas.microsoft.com/office/drawing/2014/main" id="{DCBDB764-D954-4D40-AEE3-F11C06218B65}"/>
            </a:ext>
          </a:extLst>
        </xdr:cNvPr>
        <xdr:cNvSpPr/>
      </xdr:nvSpPr>
      <xdr:spPr>
        <a:xfrm>
          <a:off x="1968500" y="1032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89535</xdr:rowOff>
    </xdr:from>
    <xdr:to>
      <xdr:col>15</xdr:col>
      <xdr:colOff>50800</xdr:colOff>
      <xdr:row>60</xdr:row>
      <xdr:rowOff>89535</xdr:rowOff>
    </xdr:to>
    <xdr:cxnSp macro="">
      <xdr:nvCxnSpPr>
        <xdr:cNvPr id="195" name="直線コネクタ 194">
          <a:extLst>
            <a:ext uri="{FF2B5EF4-FFF2-40B4-BE49-F238E27FC236}">
              <a16:creationId xmlns:a16="http://schemas.microsoft.com/office/drawing/2014/main" id="{65BFA76F-7139-43D2-AAD9-233C165591CC}"/>
            </a:ext>
          </a:extLst>
        </xdr:cNvPr>
        <xdr:cNvCxnSpPr/>
      </xdr:nvCxnSpPr>
      <xdr:spPr>
        <a:xfrm>
          <a:off x="2019300" y="103765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4445</xdr:rowOff>
    </xdr:from>
    <xdr:to>
      <xdr:col>6</xdr:col>
      <xdr:colOff>38100</xdr:colOff>
      <xdr:row>60</xdr:row>
      <xdr:rowOff>106045</xdr:rowOff>
    </xdr:to>
    <xdr:sp macro="" textlink="">
      <xdr:nvSpPr>
        <xdr:cNvPr id="196" name="楕円 195">
          <a:extLst>
            <a:ext uri="{FF2B5EF4-FFF2-40B4-BE49-F238E27FC236}">
              <a16:creationId xmlns:a16="http://schemas.microsoft.com/office/drawing/2014/main" id="{21527194-AD39-45BA-91FE-BEED5C86F379}"/>
            </a:ext>
          </a:extLst>
        </xdr:cNvPr>
        <xdr:cNvSpPr/>
      </xdr:nvSpPr>
      <xdr:spPr>
        <a:xfrm>
          <a:off x="1079500" y="1029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55245</xdr:rowOff>
    </xdr:from>
    <xdr:to>
      <xdr:col>10</xdr:col>
      <xdr:colOff>114300</xdr:colOff>
      <xdr:row>60</xdr:row>
      <xdr:rowOff>89535</xdr:rowOff>
    </xdr:to>
    <xdr:cxnSp macro="">
      <xdr:nvCxnSpPr>
        <xdr:cNvPr id="197" name="直線コネクタ 196">
          <a:extLst>
            <a:ext uri="{FF2B5EF4-FFF2-40B4-BE49-F238E27FC236}">
              <a16:creationId xmlns:a16="http://schemas.microsoft.com/office/drawing/2014/main" id="{11A6ABE7-6F30-4F71-803B-74056CAA1355}"/>
            </a:ext>
          </a:extLst>
        </xdr:cNvPr>
        <xdr:cNvCxnSpPr/>
      </xdr:nvCxnSpPr>
      <xdr:spPr>
        <a:xfrm>
          <a:off x="1130300" y="1034224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7797</xdr:rowOff>
    </xdr:from>
    <xdr:ext cx="405111" cy="259045"/>
    <xdr:sp macro="" textlink="">
      <xdr:nvSpPr>
        <xdr:cNvPr id="198" name="n_1aveValue【体育館・プール】&#10;有形固定資産減価償却率">
          <a:extLst>
            <a:ext uri="{FF2B5EF4-FFF2-40B4-BE49-F238E27FC236}">
              <a16:creationId xmlns:a16="http://schemas.microsoft.com/office/drawing/2014/main" id="{0523396E-B2BD-4525-ABE2-E06181F1A77D}"/>
            </a:ext>
          </a:extLst>
        </xdr:cNvPr>
        <xdr:cNvSpPr txBox="1"/>
      </xdr:nvSpPr>
      <xdr:spPr>
        <a:xfrm>
          <a:off x="3582044" y="996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63517</xdr:rowOff>
    </xdr:from>
    <xdr:ext cx="405111" cy="259045"/>
    <xdr:sp macro="" textlink="">
      <xdr:nvSpPr>
        <xdr:cNvPr id="199" name="n_2aveValue【体育館・プール】&#10;有形固定資産減価償却率">
          <a:extLst>
            <a:ext uri="{FF2B5EF4-FFF2-40B4-BE49-F238E27FC236}">
              <a16:creationId xmlns:a16="http://schemas.microsoft.com/office/drawing/2014/main" id="{3455A956-4C68-4C9B-995D-369A4D2A878B}"/>
            </a:ext>
          </a:extLst>
        </xdr:cNvPr>
        <xdr:cNvSpPr txBox="1"/>
      </xdr:nvSpPr>
      <xdr:spPr>
        <a:xfrm>
          <a:off x="27057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74947</xdr:rowOff>
    </xdr:from>
    <xdr:ext cx="405111" cy="259045"/>
    <xdr:sp macro="" textlink="">
      <xdr:nvSpPr>
        <xdr:cNvPr id="200" name="n_3aveValue【体育館・プール】&#10;有形固定資産減価償却率">
          <a:extLst>
            <a:ext uri="{FF2B5EF4-FFF2-40B4-BE49-F238E27FC236}">
              <a16:creationId xmlns:a16="http://schemas.microsoft.com/office/drawing/2014/main" id="{E846B6CC-ADD5-4F39-B0FE-C491B23DB471}"/>
            </a:ext>
          </a:extLst>
        </xdr:cNvPr>
        <xdr:cNvSpPr txBox="1"/>
      </xdr:nvSpPr>
      <xdr:spPr>
        <a:xfrm>
          <a:off x="18167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40657</xdr:rowOff>
    </xdr:from>
    <xdr:ext cx="405111" cy="259045"/>
    <xdr:sp macro="" textlink="">
      <xdr:nvSpPr>
        <xdr:cNvPr id="201" name="n_4aveValue【体育館・プール】&#10;有形固定資産減価償却率">
          <a:extLst>
            <a:ext uri="{FF2B5EF4-FFF2-40B4-BE49-F238E27FC236}">
              <a16:creationId xmlns:a16="http://schemas.microsoft.com/office/drawing/2014/main" id="{C1F4F94B-8F5D-43F4-9B77-6B25C30C365E}"/>
            </a:ext>
          </a:extLst>
        </xdr:cNvPr>
        <xdr:cNvSpPr txBox="1"/>
      </xdr:nvSpPr>
      <xdr:spPr>
        <a:xfrm>
          <a:off x="9277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16222</xdr:rowOff>
    </xdr:from>
    <xdr:ext cx="405111" cy="259045"/>
    <xdr:sp macro="" textlink="">
      <xdr:nvSpPr>
        <xdr:cNvPr id="202" name="n_1mainValue【体育館・プール】&#10;有形固定資産減価償却率">
          <a:extLst>
            <a:ext uri="{FF2B5EF4-FFF2-40B4-BE49-F238E27FC236}">
              <a16:creationId xmlns:a16="http://schemas.microsoft.com/office/drawing/2014/main" id="{B772C276-82CA-4CB3-9647-93C6AAFF3A71}"/>
            </a:ext>
          </a:extLst>
        </xdr:cNvPr>
        <xdr:cNvSpPr txBox="1"/>
      </xdr:nvSpPr>
      <xdr:spPr>
        <a:xfrm>
          <a:off x="3582044" y="1040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31462</xdr:rowOff>
    </xdr:from>
    <xdr:ext cx="405111" cy="259045"/>
    <xdr:sp macro="" textlink="">
      <xdr:nvSpPr>
        <xdr:cNvPr id="203" name="n_2mainValue【体育館・プール】&#10;有形固定資産減価償却率">
          <a:extLst>
            <a:ext uri="{FF2B5EF4-FFF2-40B4-BE49-F238E27FC236}">
              <a16:creationId xmlns:a16="http://schemas.microsoft.com/office/drawing/2014/main" id="{51E8A62E-571F-49D6-BC62-749AB0CF29A2}"/>
            </a:ext>
          </a:extLst>
        </xdr:cNvPr>
        <xdr:cNvSpPr txBox="1"/>
      </xdr:nvSpPr>
      <xdr:spPr>
        <a:xfrm>
          <a:off x="2705744" y="10418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1462</xdr:rowOff>
    </xdr:from>
    <xdr:ext cx="405111" cy="259045"/>
    <xdr:sp macro="" textlink="">
      <xdr:nvSpPr>
        <xdr:cNvPr id="204" name="n_3mainValue【体育館・プール】&#10;有形固定資産減価償却率">
          <a:extLst>
            <a:ext uri="{FF2B5EF4-FFF2-40B4-BE49-F238E27FC236}">
              <a16:creationId xmlns:a16="http://schemas.microsoft.com/office/drawing/2014/main" id="{8FDE82C3-6930-4390-B6E6-FB2092288EA6}"/>
            </a:ext>
          </a:extLst>
        </xdr:cNvPr>
        <xdr:cNvSpPr txBox="1"/>
      </xdr:nvSpPr>
      <xdr:spPr>
        <a:xfrm>
          <a:off x="1816744" y="10418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97172</xdr:rowOff>
    </xdr:from>
    <xdr:ext cx="405111" cy="259045"/>
    <xdr:sp macro="" textlink="">
      <xdr:nvSpPr>
        <xdr:cNvPr id="205" name="n_4mainValue【体育館・プール】&#10;有形固定資産減価償却率">
          <a:extLst>
            <a:ext uri="{FF2B5EF4-FFF2-40B4-BE49-F238E27FC236}">
              <a16:creationId xmlns:a16="http://schemas.microsoft.com/office/drawing/2014/main" id="{62F7A8FC-9D97-4AC4-8029-D71C45B606B4}"/>
            </a:ext>
          </a:extLst>
        </xdr:cNvPr>
        <xdr:cNvSpPr txBox="1"/>
      </xdr:nvSpPr>
      <xdr:spPr>
        <a:xfrm>
          <a:off x="927744" y="10384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BEF97F05-2179-4DF7-B4B7-8D77AAFCD17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E4E5DD64-854D-46DD-A2CF-BB95CDDFB139}"/>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F6C947C7-21C2-4E73-BC33-53B36C25023F}"/>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631017EA-ECFB-4DDD-9D5B-47591A4AED0F}"/>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7CAE5103-A433-43AE-92EE-88A9D291BA1F}"/>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A490E76E-FCDC-4753-B1DC-8FB0E14D8F9D}"/>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5DAC0652-D1C3-4E56-8024-A89F60822C83}"/>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A03F7B19-B3F3-4411-B573-E420C567D7AA}"/>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281D90DE-FF9D-4BCD-8265-5052050BA991}"/>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C86CB715-1496-4744-8A6C-894F0C907AF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6" name="直線コネクタ 215">
          <a:extLst>
            <a:ext uri="{FF2B5EF4-FFF2-40B4-BE49-F238E27FC236}">
              <a16:creationId xmlns:a16="http://schemas.microsoft.com/office/drawing/2014/main" id="{ED2F26C2-B762-4D33-BEA4-F0B064B86BB6}"/>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7" name="テキスト ボックス 216">
          <a:extLst>
            <a:ext uri="{FF2B5EF4-FFF2-40B4-BE49-F238E27FC236}">
              <a16:creationId xmlns:a16="http://schemas.microsoft.com/office/drawing/2014/main" id="{4D279AE7-6C17-43A0-8E6E-3AAAC253E722}"/>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8" name="直線コネクタ 217">
          <a:extLst>
            <a:ext uri="{FF2B5EF4-FFF2-40B4-BE49-F238E27FC236}">
              <a16:creationId xmlns:a16="http://schemas.microsoft.com/office/drawing/2014/main" id="{C19B567E-B92B-482D-9F4F-AF75311BCA36}"/>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9" name="テキスト ボックス 218">
          <a:extLst>
            <a:ext uri="{FF2B5EF4-FFF2-40B4-BE49-F238E27FC236}">
              <a16:creationId xmlns:a16="http://schemas.microsoft.com/office/drawing/2014/main" id="{739BB2B7-34EE-44BE-BED1-862A05FBABB8}"/>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0" name="直線コネクタ 219">
          <a:extLst>
            <a:ext uri="{FF2B5EF4-FFF2-40B4-BE49-F238E27FC236}">
              <a16:creationId xmlns:a16="http://schemas.microsoft.com/office/drawing/2014/main" id="{3FC220B9-F695-4DF0-8E3D-247A145909E1}"/>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1" name="テキスト ボックス 220">
          <a:extLst>
            <a:ext uri="{FF2B5EF4-FFF2-40B4-BE49-F238E27FC236}">
              <a16:creationId xmlns:a16="http://schemas.microsoft.com/office/drawing/2014/main" id="{3F9C5B14-E44D-4B9B-B32C-1469D787EB33}"/>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2" name="直線コネクタ 221">
          <a:extLst>
            <a:ext uri="{FF2B5EF4-FFF2-40B4-BE49-F238E27FC236}">
              <a16:creationId xmlns:a16="http://schemas.microsoft.com/office/drawing/2014/main" id="{E4908CD1-22E2-47A8-A32C-F5521A12DD0B}"/>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3" name="テキスト ボックス 222">
          <a:extLst>
            <a:ext uri="{FF2B5EF4-FFF2-40B4-BE49-F238E27FC236}">
              <a16:creationId xmlns:a16="http://schemas.microsoft.com/office/drawing/2014/main" id="{61879481-C7D4-40FA-A58B-2679804FF74D}"/>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4" name="直線コネクタ 223">
          <a:extLst>
            <a:ext uri="{FF2B5EF4-FFF2-40B4-BE49-F238E27FC236}">
              <a16:creationId xmlns:a16="http://schemas.microsoft.com/office/drawing/2014/main" id="{A1957E3B-1332-4FE1-8558-C1DC3C3E0281}"/>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5" name="テキスト ボックス 224">
          <a:extLst>
            <a:ext uri="{FF2B5EF4-FFF2-40B4-BE49-F238E27FC236}">
              <a16:creationId xmlns:a16="http://schemas.microsoft.com/office/drawing/2014/main" id="{97281E2C-70BE-4DA9-9EB6-92C5F75A8ECE}"/>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a16="http://schemas.microsoft.com/office/drawing/2014/main" id="{71EB40C7-3769-4DA0-92F1-A3CDAB97D5D8}"/>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7" name="テキスト ボックス 226">
          <a:extLst>
            <a:ext uri="{FF2B5EF4-FFF2-40B4-BE49-F238E27FC236}">
              <a16:creationId xmlns:a16="http://schemas.microsoft.com/office/drawing/2014/main" id="{59634F14-2929-47DF-8150-B15DD810D112}"/>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体育館・プール】&#10;一人当たり面積グラフ枠">
          <a:extLst>
            <a:ext uri="{FF2B5EF4-FFF2-40B4-BE49-F238E27FC236}">
              <a16:creationId xmlns:a16="http://schemas.microsoft.com/office/drawing/2014/main" id="{9D67CAAC-6B57-423A-B08D-00C6DBCBC24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4290</xdr:rowOff>
    </xdr:from>
    <xdr:to>
      <xdr:col>54</xdr:col>
      <xdr:colOff>189865</xdr:colOff>
      <xdr:row>64</xdr:row>
      <xdr:rowOff>60960</xdr:rowOff>
    </xdr:to>
    <xdr:cxnSp macro="">
      <xdr:nvCxnSpPr>
        <xdr:cNvPr id="229" name="直線コネクタ 228">
          <a:extLst>
            <a:ext uri="{FF2B5EF4-FFF2-40B4-BE49-F238E27FC236}">
              <a16:creationId xmlns:a16="http://schemas.microsoft.com/office/drawing/2014/main" id="{63FA48A5-A1E4-4BB2-B231-0611255DFC12}"/>
            </a:ext>
          </a:extLst>
        </xdr:cNvPr>
        <xdr:cNvCxnSpPr/>
      </xdr:nvCxnSpPr>
      <xdr:spPr>
        <a:xfrm flipV="1">
          <a:off x="10476865" y="9635490"/>
          <a:ext cx="0" cy="1398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4787</xdr:rowOff>
    </xdr:from>
    <xdr:ext cx="469744" cy="259045"/>
    <xdr:sp macro="" textlink="">
      <xdr:nvSpPr>
        <xdr:cNvPr id="230" name="【体育館・プール】&#10;一人当たり面積最小値テキスト">
          <a:extLst>
            <a:ext uri="{FF2B5EF4-FFF2-40B4-BE49-F238E27FC236}">
              <a16:creationId xmlns:a16="http://schemas.microsoft.com/office/drawing/2014/main" id="{BCCD52A4-8FF6-4E38-ABFE-1F989AA533E8}"/>
            </a:ext>
          </a:extLst>
        </xdr:cNvPr>
        <xdr:cNvSpPr txBox="1"/>
      </xdr:nvSpPr>
      <xdr:spPr>
        <a:xfrm>
          <a:off x="10515600"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0960</xdr:rowOff>
    </xdr:from>
    <xdr:to>
      <xdr:col>55</xdr:col>
      <xdr:colOff>88900</xdr:colOff>
      <xdr:row>64</xdr:row>
      <xdr:rowOff>60960</xdr:rowOff>
    </xdr:to>
    <xdr:cxnSp macro="">
      <xdr:nvCxnSpPr>
        <xdr:cNvPr id="231" name="直線コネクタ 230">
          <a:extLst>
            <a:ext uri="{FF2B5EF4-FFF2-40B4-BE49-F238E27FC236}">
              <a16:creationId xmlns:a16="http://schemas.microsoft.com/office/drawing/2014/main" id="{6628C2B0-02A7-478F-9E48-0E5615715DFB}"/>
            </a:ext>
          </a:extLst>
        </xdr:cNvPr>
        <xdr:cNvCxnSpPr/>
      </xdr:nvCxnSpPr>
      <xdr:spPr>
        <a:xfrm>
          <a:off x="10388600" y="11033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2417</xdr:rowOff>
    </xdr:from>
    <xdr:ext cx="469744" cy="259045"/>
    <xdr:sp macro="" textlink="">
      <xdr:nvSpPr>
        <xdr:cNvPr id="232" name="【体育館・プール】&#10;一人当たり面積最大値テキスト">
          <a:extLst>
            <a:ext uri="{FF2B5EF4-FFF2-40B4-BE49-F238E27FC236}">
              <a16:creationId xmlns:a16="http://schemas.microsoft.com/office/drawing/2014/main" id="{0751AF08-00E7-428A-AD63-B22FEEA55FC5}"/>
            </a:ext>
          </a:extLst>
        </xdr:cNvPr>
        <xdr:cNvSpPr txBox="1"/>
      </xdr:nvSpPr>
      <xdr:spPr>
        <a:xfrm>
          <a:off x="10515600" y="9410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4290</xdr:rowOff>
    </xdr:from>
    <xdr:to>
      <xdr:col>55</xdr:col>
      <xdr:colOff>88900</xdr:colOff>
      <xdr:row>56</xdr:row>
      <xdr:rowOff>34290</xdr:rowOff>
    </xdr:to>
    <xdr:cxnSp macro="">
      <xdr:nvCxnSpPr>
        <xdr:cNvPr id="233" name="直線コネクタ 232">
          <a:extLst>
            <a:ext uri="{FF2B5EF4-FFF2-40B4-BE49-F238E27FC236}">
              <a16:creationId xmlns:a16="http://schemas.microsoft.com/office/drawing/2014/main" id="{702087A1-0439-450F-B745-3AAA31904AEF}"/>
            </a:ext>
          </a:extLst>
        </xdr:cNvPr>
        <xdr:cNvCxnSpPr/>
      </xdr:nvCxnSpPr>
      <xdr:spPr>
        <a:xfrm>
          <a:off x="10388600" y="9635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0657</xdr:rowOff>
    </xdr:from>
    <xdr:ext cx="469744" cy="259045"/>
    <xdr:sp macro="" textlink="">
      <xdr:nvSpPr>
        <xdr:cNvPr id="234" name="【体育館・プール】&#10;一人当たり面積平均値テキスト">
          <a:extLst>
            <a:ext uri="{FF2B5EF4-FFF2-40B4-BE49-F238E27FC236}">
              <a16:creationId xmlns:a16="http://schemas.microsoft.com/office/drawing/2014/main" id="{269E207D-4364-4AD4-82BD-1D9B0EDE3A70}"/>
            </a:ext>
          </a:extLst>
        </xdr:cNvPr>
        <xdr:cNvSpPr txBox="1"/>
      </xdr:nvSpPr>
      <xdr:spPr>
        <a:xfrm>
          <a:off x="10515600" y="10499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7780</xdr:rowOff>
    </xdr:from>
    <xdr:to>
      <xdr:col>55</xdr:col>
      <xdr:colOff>50800</xdr:colOff>
      <xdr:row>62</xdr:row>
      <xdr:rowOff>119380</xdr:rowOff>
    </xdr:to>
    <xdr:sp macro="" textlink="">
      <xdr:nvSpPr>
        <xdr:cNvPr id="235" name="フローチャート: 判断 234">
          <a:extLst>
            <a:ext uri="{FF2B5EF4-FFF2-40B4-BE49-F238E27FC236}">
              <a16:creationId xmlns:a16="http://schemas.microsoft.com/office/drawing/2014/main" id="{821065D5-2128-4012-B6D1-18E973FB43DB}"/>
            </a:ext>
          </a:extLst>
        </xdr:cNvPr>
        <xdr:cNvSpPr/>
      </xdr:nvSpPr>
      <xdr:spPr>
        <a:xfrm>
          <a:off x="104267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29210</xdr:rowOff>
    </xdr:from>
    <xdr:to>
      <xdr:col>50</xdr:col>
      <xdr:colOff>165100</xdr:colOff>
      <xdr:row>62</xdr:row>
      <xdr:rowOff>130810</xdr:rowOff>
    </xdr:to>
    <xdr:sp macro="" textlink="">
      <xdr:nvSpPr>
        <xdr:cNvPr id="236" name="フローチャート: 判断 235">
          <a:extLst>
            <a:ext uri="{FF2B5EF4-FFF2-40B4-BE49-F238E27FC236}">
              <a16:creationId xmlns:a16="http://schemas.microsoft.com/office/drawing/2014/main" id="{14CB6CDE-B596-4A70-9AD3-E6634B1DDA00}"/>
            </a:ext>
          </a:extLst>
        </xdr:cNvPr>
        <xdr:cNvSpPr/>
      </xdr:nvSpPr>
      <xdr:spPr>
        <a:xfrm>
          <a:off x="9588500" y="10659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2070</xdr:rowOff>
    </xdr:from>
    <xdr:to>
      <xdr:col>46</xdr:col>
      <xdr:colOff>38100</xdr:colOff>
      <xdr:row>62</xdr:row>
      <xdr:rowOff>153670</xdr:rowOff>
    </xdr:to>
    <xdr:sp macro="" textlink="">
      <xdr:nvSpPr>
        <xdr:cNvPr id="237" name="フローチャート: 判断 236">
          <a:extLst>
            <a:ext uri="{FF2B5EF4-FFF2-40B4-BE49-F238E27FC236}">
              <a16:creationId xmlns:a16="http://schemas.microsoft.com/office/drawing/2014/main" id="{FC7B5B31-FF51-496B-83F2-FA266C571D4C}"/>
            </a:ext>
          </a:extLst>
        </xdr:cNvPr>
        <xdr:cNvSpPr/>
      </xdr:nvSpPr>
      <xdr:spPr>
        <a:xfrm>
          <a:off x="86995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4450</xdr:rowOff>
    </xdr:from>
    <xdr:to>
      <xdr:col>41</xdr:col>
      <xdr:colOff>101600</xdr:colOff>
      <xdr:row>62</xdr:row>
      <xdr:rowOff>146050</xdr:rowOff>
    </xdr:to>
    <xdr:sp macro="" textlink="">
      <xdr:nvSpPr>
        <xdr:cNvPr id="238" name="フローチャート: 判断 237">
          <a:extLst>
            <a:ext uri="{FF2B5EF4-FFF2-40B4-BE49-F238E27FC236}">
              <a16:creationId xmlns:a16="http://schemas.microsoft.com/office/drawing/2014/main" id="{E285B1CA-8BEC-46D9-BFBF-5C135915DC73}"/>
            </a:ext>
          </a:extLst>
        </xdr:cNvPr>
        <xdr:cNvSpPr/>
      </xdr:nvSpPr>
      <xdr:spPr>
        <a:xfrm>
          <a:off x="7810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39" name="フローチャート: 判断 238">
          <a:extLst>
            <a:ext uri="{FF2B5EF4-FFF2-40B4-BE49-F238E27FC236}">
              <a16:creationId xmlns:a16="http://schemas.microsoft.com/office/drawing/2014/main" id="{885A0346-7FBF-4D4D-B6A5-DEA7E3EACB49}"/>
            </a:ext>
          </a:extLst>
        </xdr:cNvPr>
        <xdr:cNvSpPr/>
      </xdr:nvSpPr>
      <xdr:spPr>
        <a:xfrm>
          <a:off x="6921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28546369-8196-4152-B3CE-2C52EF357FBC}"/>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65592EDE-C10C-4DFA-B279-1445DBE6A81B}"/>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F53A8999-55D6-45FB-9ACA-CFE5B62B2FCF}"/>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AB37B269-4748-4D4B-8918-1AAEEDBAE8B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CA139F24-46AC-4E00-9723-08F5AE24051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20650</xdr:rowOff>
    </xdr:from>
    <xdr:to>
      <xdr:col>55</xdr:col>
      <xdr:colOff>50800</xdr:colOff>
      <xdr:row>63</xdr:row>
      <xdr:rowOff>50800</xdr:rowOff>
    </xdr:to>
    <xdr:sp macro="" textlink="">
      <xdr:nvSpPr>
        <xdr:cNvPr id="245" name="楕円 244">
          <a:extLst>
            <a:ext uri="{FF2B5EF4-FFF2-40B4-BE49-F238E27FC236}">
              <a16:creationId xmlns:a16="http://schemas.microsoft.com/office/drawing/2014/main" id="{BA70AA5D-C45F-418D-9E66-4E8B86113672}"/>
            </a:ext>
          </a:extLst>
        </xdr:cNvPr>
        <xdr:cNvSpPr/>
      </xdr:nvSpPr>
      <xdr:spPr>
        <a:xfrm>
          <a:off x="104267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99077</xdr:rowOff>
    </xdr:from>
    <xdr:ext cx="469744" cy="259045"/>
    <xdr:sp macro="" textlink="">
      <xdr:nvSpPr>
        <xdr:cNvPr id="246" name="【体育館・プール】&#10;一人当たり面積該当値テキスト">
          <a:extLst>
            <a:ext uri="{FF2B5EF4-FFF2-40B4-BE49-F238E27FC236}">
              <a16:creationId xmlns:a16="http://schemas.microsoft.com/office/drawing/2014/main" id="{322336DC-1C2E-4E0F-A706-BE123BB9B1FB}"/>
            </a:ext>
          </a:extLst>
        </xdr:cNvPr>
        <xdr:cNvSpPr txBox="1"/>
      </xdr:nvSpPr>
      <xdr:spPr>
        <a:xfrm>
          <a:off x="10515600" y="1072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20650</xdr:rowOff>
    </xdr:from>
    <xdr:to>
      <xdr:col>50</xdr:col>
      <xdr:colOff>165100</xdr:colOff>
      <xdr:row>63</xdr:row>
      <xdr:rowOff>50800</xdr:rowOff>
    </xdr:to>
    <xdr:sp macro="" textlink="">
      <xdr:nvSpPr>
        <xdr:cNvPr id="247" name="楕円 246">
          <a:extLst>
            <a:ext uri="{FF2B5EF4-FFF2-40B4-BE49-F238E27FC236}">
              <a16:creationId xmlns:a16="http://schemas.microsoft.com/office/drawing/2014/main" id="{F4632B3B-9E35-41DB-9DC3-0D5EDFAA55F3}"/>
            </a:ext>
          </a:extLst>
        </xdr:cNvPr>
        <xdr:cNvSpPr/>
      </xdr:nvSpPr>
      <xdr:spPr>
        <a:xfrm>
          <a:off x="95885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0</xdr:rowOff>
    </xdr:from>
    <xdr:to>
      <xdr:col>55</xdr:col>
      <xdr:colOff>0</xdr:colOff>
      <xdr:row>63</xdr:row>
      <xdr:rowOff>0</xdr:rowOff>
    </xdr:to>
    <xdr:cxnSp macro="">
      <xdr:nvCxnSpPr>
        <xdr:cNvPr id="248" name="直線コネクタ 247">
          <a:extLst>
            <a:ext uri="{FF2B5EF4-FFF2-40B4-BE49-F238E27FC236}">
              <a16:creationId xmlns:a16="http://schemas.microsoft.com/office/drawing/2014/main" id="{FDF72999-BA18-4A51-8660-3CFDC97C74DA}"/>
            </a:ext>
          </a:extLst>
        </xdr:cNvPr>
        <xdr:cNvCxnSpPr/>
      </xdr:nvCxnSpPr>
      <xdr:spPr>
        <a:xfrm>
          <a:off x="9639300" y="108013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20650</xdr:rowOff>
    </xdr:from>
    <xdr:to>
      <xdr:col>46</xdr:col>
      <xdr:colOff>38100</xdr:colOff>
      <xdr:row>63</xdr:row>
      <xdr:rowOff>50800</xdr:rowOff>
    </xdr:to>
    <xdr:sp macro="" textlink="">
      <xdr:nvSpPr>
        <xdr:cNvPr id="249" name="楕円 248">
          <a:extLst>
            <a:ext uri="{FF2B5EF4-FFF2-40B4-BE49-F238E27FC236}">
              <a16:creationId xmlns:a16="http://schemas.microsoft.com/office/drawing/2014/main" id="{A3EA0584-DC5A-45F5-84BB-E1CEE4221CD0}"/>
            </a:ext>
          </a:extLst>
        </xdr:cNvPr>
        <xdr:cNvSpPr/>
      </xdr:nvSpPr>
      <xdr:spPr>
        <a:xfrm>
          <a:off x="86995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0</xdr:rowOff>
    </xdr:from>
    <xdr:to>
      <xdr:col>50</xdr:col>
      <xdr:colOff>114300</xdr:colOff>
      <xdr:row>63</xdr:row>
      <xdr:rowOff>0</xdr:rowOff>
    </xdr:to>
    <xdr:cxnSp macro="">
      <xdr:nvCxnSpPr>
        <xdr:cNvPr id="250" name="直線コネクタ 249">
          <a:extLst>
            <a:ext uri="{FF2B5EF4-FFF2-40B4-BE49-F238E27FC236}">
              <a16:creationId xmlns:a16="http://schemas.microsoft.com/office/drawing/2014/main" id="{89C534D2-06A5-483F-9706-475C2B0B86A8}"/>
            </a:ext>
          </a:extLst>
        </xdr:cNvPr>
        <xdr:cNvCxnSpPr/>
      </xdr:nvCxnSpPr>
      <xdr:spPr>
        <a:xfrm>
          <a:off x="8750300" y="10801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16840</xdr:rowOff>
    </xdr:from>
    <xdr:to>
      <xdr:col>41</xdr:col>
      <xdr:colOff>101600</xdr:colOff>
      <xdr:row>63</xdr:row>
      <xdr:rowOff>46990</xdr:rowOff>
    </xdr:to>
    <xdr:sp macro="" textlink="">
      <xdr:nvSpPr>
        <xdr:cNvPr id="251" name="楕円 250">
          <a:extLst>
            <a:ext uri="{FF2B5EF4-FFF2-40B4-BE49-F238E27FC236}">
              <a16:creationId xmlns:a16="http://schemas.microsoft.com/office/drawing/2014/main" id="{AEC23E67-4298-44E2-8638-E80DFD9C92AB}"/>
            </a:ext>
          </a:extLst>
        </xdr:cNvPr>
        <xdr:cNvSpPr/>
      </xdr:nvSpPr>
      <xdr:spPr>
        <a:xfrm>
          <a:off x="7810500" y="1074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67640</xdr:rowOff>
    </xdr:from>
    <xdr:to>
      <xdr:col>45</xdr:col>
      <xdr:colOff>177800</xdr:colOff>
      <xdr:row>63</xdr:row>
      <xdr:rowOff>0</xdr:rowOff>
    </xdr:to>
    <xdr:cxnSp macro="">
      <xdr:nvCxnSpPr>
        <xdr:cNvPr id="252" name="直線コネクタ 251">
          <a:extLst>
            <a:ext uri="{FF2B5EF4-FFF2-40B4-BE49-F238E27FC236}">
              <a16:creationId xmlns:a16="http://schemas.microsoft.com/office/drawing/2014/main" id="{FD7CEFD2-3451-42B7-A81C-7612D760F2F7}"/>
            </a:ext>
          </a:extLst>
        </xdr:cNvPr>
        <xdr:cNvCxnSpPr/>
      </xdr:nvCxnSpPr>
      <xdr:spPr>
        <a:xfrm>
          <a:off x="7861300" y="107975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20650</xdr:rowOff>
    </xdr:from>
    <xdr:to>
      <xdr:col>36</xdr:col>
      <xdr:colOff>165100</xdr:colOff>
      <xdr:row>63</xdr:row>
      <xdr:rowOff>50800</xdr:rowOff>
    </xdr:to>
    <xdr:sp macro="" textlink="">
      <xdr:nvSpPr>
        <xdr:cNvPr id="253" name="楕円 252">
          <a:extLst>
            <a:ext uri="{FF2B5EF4-FFF2-40B4-BE49-F238E27FC236}">
              <a16:creationId xmlns:a16="http://schemas.microsoft.com/office/drawing/2014/main" id="{86202B61-F0A3-46B3-92C4-D5127774B945}"/>
            </a:ext>
          </a:extLst>
        </xdr:cNvPr>
        <xdr:cNvSpPr/>
      </xdr:nvSpPr>
      <xdr:spPr>
        <a:xfrm>
          <a:off x="69215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67640</xdr:rowOff>
    </xdr:from>
    <xdr:to>
      <xdr:col>41</xdr:col>
      <xdr:colOff>50800</xdr:colOff>
      <xdr:row>63</xdr:row>
      <xdr:rowOff>0</xdr:rowOff>
    </xdr:to>
    <xdr:cxnSp macro="">
      <xdr:nvCxnSpPr>
        <xdr:cNvPr id="254" name="直線コネクタ 253">
          <a:extLst>
            <a:ext uri="{FF2B5EF4-FFF2-40B4-BE49-F238E27FC236}">
              <a16:creationId xmlns:a16="http://schemas.microsoft.com/office/drawing/2014/main" id="{01EFF8AE-D400-4ADF-8306-793446FCC51D}"/>
            </a:ext>
          </a:extLst>
        </xdr:cNvPr>
        <xdr:cNvCxnSpPr/>
      </xdr:nvCxnSpPr>
      <xdr:spPr>
        <a:xfrm flipV="1">
          <a:off x="6972300" y="107975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47337</xdr:rowOff>
    </xdr:from>
    <xdr:ext cx="469744" cy="259045"/>
    <xdr:sp macro="" textlink="">
      <xdr:nvSpPr>
        <xdr:cNvPr id="255" name="n_1aveValue【体育館・プール】&#10;一人当たり面積">
          <a:extLst>
            <a:ext uri="{FF2B5EF4-FFF2-40B4-BE49-F238E27FC236}">
              <a16:creationId xmlns:a16="http://schemas.microsoft.com/office/drawing/2014/main" id="{FEF5B8E0-A9F4-4A42-AEC4-3ACE3E451877}"/>
            </a:ext>
          </a:extLst>
        </xdr:cNvPr>
        <xdr:cNvSpPr txBox="1"/>
      </xdr:nvSpPr>
      <xdr:spPr>
        <a:xfrm>
          <a:off x="9391727" y="10434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70197</xdr:rowOff>
    </xdr:from>
    <xdr:ext cx="469744" cy="259045"/>
    <xdr:sp macro="" textlink="">
      <xdr:nvSpPr>
        <xdr:cNvPr id="256" name="n_2aveValue【体育館・プール】&#10;一人当たり面積">
          <a:extLst>
            <a:ext uri="{FF2B5EF4-FFF2-40B4-BE49-F238E27FC236}">
              <a16:creationId xmlns:a16="http://schemas.microsoft.com/office/drawing/2014/main" id="{C693534D-5C5A-4D6F-AD58-348EBD240E53}"/>
            </a:ext>
          </a:extLst>
        </xdr:cNvPr>
        <xdr:cNvSpPr txBox="1"/>
      </xdr:nvSpPr>
      <xdr:spPr>
        <a:xfrm>
          <a:off x="8515427" y="1045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62577</xdr:rowOff>
    </xdr:from>
    <xdr:ext cx="469744" cy="259045"/>
    <xdr:sp macro="" textlink="">
      <xdr:nvSpPr>
        <xdr:cNvPr id="257" name="n_3aveValue【体育館・プール】&#10;一人当たり面積">
          <a:extLst>
            <a:ext uri="{FF2B5EF4-FFF2-40B4-BE49-F238E27FC236}">
              <a16:creationId xmlns:a16="http://schemas.microsoft.com/office/drawing/2014/main" id="{D194FAE9-176F-4C6B-A1EA-3909DF215D44}"/>
            </a:ext>
          </a:extLst>
        </xdr:cNvPr>
        <xdr:cNvSpPr txBox="1"/>
      </xdr:nvSpPr>
      <xdr:spPr>
        <a:xfrm>
          <a:off x="7626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58" name="n_4aveValue【体育館・プール】&#10;一人当たり面積">
          <a:extLst>
            <a:ext uri="{FF2B5EF4-FFF2-40B4-BE49-F238E27FC236}">
              <a16:creationId xmlns:a16="http://schemas.microsoft.com/office/drawing/2014/main" id="{7BF5A556-C1BC-42BC-96BE-9054B8EE41E3}"/>
            </a:ext>
          </a:extLst>
        </xdr:cNvPr>
        <xdr:cNvSpPr txBox="1"/>
      </xdr:nvSpPr>
      <xdr:spPr>
        <a:xfrm>
          <a:off x="6737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41927</xdr:rowOff>
    </xdr:from>
    <xdr:ext cx="469744" cy="259045"/>
    <xdr:sp macro="" textlink="">
      <xdr:nvSpPr>
        <xdr:cNvPr id="259" name="n_1mainValue【体育館・プール】&#10;一人当たり面積">
          <a:extLst>
            <a:ext uri="{FF2B5EF4-FFF2-40B4-BE49-F238E27FC236}">
              <a16:creationId xmlns:a16="http://schemas.microsoft.com/office/drawing/2014/main" id="{7006CCF5-219B-41D1-988E-38F31AC6CC2E}"/>
            </a:ext>
          </a:extLst>
        </xdr:cNvPr>
        <xdr:cNvSpPr txBox="1"/>
      </xdr:nvSpPr>
      <xdr:spPr>
        <a:xfrm>
          <a:off x="9391727" y="1084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41927</xdr:rowOff>
    </xdr:from>
    <xdr:ext cx="469744" cy="259045"/>
    <xdr:sp macro="" textlink="">
      <xdr:nvSpPr>
        <xdr:cNvPr id="260" name="n_2mainValue【体育館・プール】&#10;一人当たり面積">
          <a:extLst>
            <a:ext uri="{FF2B5EF4-FFF2-40B4-BE49-F238E27FC236}">
              <a16:creationId xmlns:a16="http://schemas.microsoft.com/office/drawing/2014/main" id="{A4628F43-7581-4B6B-B16E-E435932E1FB4}"/>
            </a:ext>
          </a:extLst>
        </xdr:cNvPr>
        <xdr:cNvSpPr txBox="1"/>
      </xdr:nvSpPr>
      <xdr:spPr>
        <a:xfrm>
          <a:off x="8515427" y="1084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38117</xdr:rowOff>
    </xdr:from>
    <xdr:ext cx="469744" cy="259045"/>
    <xdr:sp macro="" textlink="">
      <xdr:nvSpPr>
        <xdr:cNvPr id="261" name="n_3mainValue【体育館・プール】&#10;一人当たり面積">
          <a:extLst>
            <a:ext uri="{FF2B5EF4-FFF2-40B4-BE49-F238E27FC236}">
              <a16:creationId xmlns:a16="http://schemas.microsoft.com/office/drawing/2014/main" id="{4413FD9F-B3A7-4AAD-892C-3E42A69C26F2}"/>
            </a:ext>
          </a:extLst>
        </xdr:cNvPr>
        <xdr:cNvSpPr txBox="1"/>
      </xdr:nvSpPr>
      <xdr:spPr>
        <a:xfrm>
          <a:off x="7626427" y="1083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41927</xdr:rowOff>
    </xdr:from>
    <xdr:ext cx="469744" cy="259045"/>
    <xdr:sp macro="" textlink="">
      <xdr:nvSpPr>
        <xdr:cNvPr id="262" name="n_4mainValue【体育館・プール】&#10;一人当たり面積">
          <a:extLst>
            <a:ext uri="{FF2B5EF4-FFF2-40B4-BE49-F238E27FC236}">
              <a16:creationId xmlns:a16="http://schemas.microsoft.com/office/drawing/2014/main" id="{4A3B938E-D1CF-475A-B222-F398B376C337}"/>
            </a:ext>
          </a:extLst>
        </xdr:cNvPr>
        <xdr:cNvSpPr txBox="1"/>
      </xdr:nvSpPr>
      <xdr:spPr>
        <a:xfrm>
          <a:off x="6737427" y="1084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a16="http://schemas.microsoft.com/office/drawing/2014/main" id="{988D9073-CE0D-41C8-A712-978C8F668FB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a16="http://schemas.microsoft.com/office/drawing/2014/main" id="{B72A75FE-8CDE-4119-BEDD-5B9D88F4D897}"/>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a16="http://schemas.microsoft.com/office/drawing/2014/main" id="{FAC0C2CC-8B3D-44A1-A128-3B61EC49506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a16="http://schemas.microsoft.com/office/drawing/2014/main" id="{A779ED32-A968-4B9A-8502-EFECEA2ABC6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a16="http://schemas.microsoft.com/office/drawing/2014/main" id="{B95B0BBB-3EFF-4FCA-A01E-2AD0D9A33868}"/>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a16="http://schemas.microsoft.com/office/drawing/2014/main" id="{E9FE4CC1-2657-4BDC-8E85-3A7EDAEB8428}"/>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a16="http://schemas.microsoft.com/office/drawing/2014/main" id="{C29942E7-6D15-4497-8948-17150658FB61}"/>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a16="http://schemas.microsoft.com/office/drawing/2014/main" id="{01BB5F6D-5C5E-4805-9449-ED22CFB4CE6B}"/>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a16="http://schemas.microsoft.com/office/drawing/2014/main" id="{0AB6742D-A9D5-4A7D-BCEB-24FC4F33B3E8}"/>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a16="http://schemas.microsoft.com/office/drawing/2014/main" id="{F656E574-36DE-46B1-A288-5268AC9ADF43}"/>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a16="http://schemas.microsoft.com/office/drawing/2014/main" id="{5CFDA64A-2FA6-4640-8F12-5D43DE0B691A}"/>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4" name="直線コネクタ 273">
          <a:extLst>
            <a:ext uri="{FF2B5EF4-FFF2-40B4-BE49-F238E27FC236}">
              <a16:creationId xmlns:a16="http://schemas.microsoft.com/office/drawing/2014/main" id="{A592F59D-DE5E-4784-B3A0-651E4D218839}"/>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5" name="テキスト ボックス 274">
          <a:extLst>
            <a:ext uri="{FF2B5EF4-FFF2-40B4-BE49-F238E27FC236}">
              <a16:creationId xmlns:a16="http://schemas.microsoft.com/office/drawing/2014/main" id="{430EFEFA-FAD3-4F39-B281-E28B46533A14}"/>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6" name="直線コネクタ 275">
          <a:extLst>
            <a:ext uri="{FF2B5EF4-FFF2-40B4-BE49-F238E27FC236}">
              <a16:creationId xmlns:a16="http://schemas.microsoft.com/office/drawing/2014/main" id="{4FDD5632-CF2C-481E-96C3-0BB376506B27}"/>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7" name="テキスト ボックス 276">
          <a:extLst>
            <a:ext uri="{FF2B5EF4-FFF2-40B4-BE49-F238E27FC236}">
              <a16:creationId xmlns:a16="http://schemas.microsoft.com/office/drawing/2014/main" id="{46D8ADAC-8FC4-4295-9363-3C9BC27B52F9}"/>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8" name="直線コネクタ 277">
          <a:extLst>
            <a:ext uri="{FF2B5EF4-FFF2-40B4-BE49-F238E27FC236}">
              <a16:creationId xmlns:a16="http://schemas.microsoft.com/office/drawing/2014/main" id="{CBFDB084-DEED-43F9-A76C-837E8FA8CADD}"/>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9" name="テキスト ボックス 278">
          <a:extLst>
            <a:ext uri="{FF2B5EF4-FFF2-40B4-BE49-F238E27FC236}">
              <a16:creationId xmlns:a16="http://schemas.microsoft.com/office/drawing/2014/main" id="{9FB6181C-2807-4C99-8A0A-52CFA8D19335}"/>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0" name="直線コネクタ 279">
          <a:extLst>
            <a:ext uri="{FF2B5EF4-FFF2-40B4-BE49-F238E27FC236}">
              <a16:creationId xmlns:a16="http://schemas.microsoft.com/office/drawing/2014/main" id="{222DAFB3-34B9-4820-BA30-7CBB620F7EE0}"/>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1" name="テキスト ボックス 280">
          <a:extLst>
            <a:ext uri="{FF2B5EF4-FFF2-40B4-BE49-F238E27FC236}">
              <a16:creationId xmlns:a16="http://schemas.microsoft.com/office/drawing/2014/main" id="{4C52C12D-42C5-4691-BA62-82D399A62318}"/>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2" name="直線コネクタ 281">
          <a:extLst>
            <a:ext uri="{FF2B5EF4-FFF2-40B4-BE49-F238E27FC236}">
              <a16:creationId xmlns:a16="http://schemas.microsoft.com/office/drawing/2014/main" id="{2703C00E-9D60-47F7-AFA8-7A90857080D5}"/>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3" name="テキスト ボックス 282">
          <a:extLst>
            <a:ext uri="{FF2B5EF4-FFF2-40B4-BE49-F238E27FC236}">
              <a16:creationId xmlns:a16="http://schemas.microsoft.com/office/drawing/2014/main" id="{68E61921-9632-4D83-A4E6-F65ECDAEDA12}"/>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4" name="直線コネクタ 283">
          <a:extLst>
            <a:ext uri="{FF2B5EF4-FFF2-40B4-BE49-F238E27FC236}">
              <a16:creationId xmlns:a16="http://schemas.microsoft.com/office/drawing/2014/main" id="{2AC47FE3-11C7-44A7-8145-CCA9F7A637D6}"/>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5" name="テキスト ボックス 284">
          <a:extLst>
            <a:ext uri="{FF2B5EF4-FFF2-40B4-BE49-F238E27FC236}">
              <a16:creationId xmlns:a16="http://schemas.microsoft.com/office/drawing/2014/main" id="{48CA75E1-ADD9-443C-BAED-E061A6F92A36}"/>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a16="http://schemas.microsoft.com/office/drawing/2014/main" id="{4FB443CA-8A7C-4CF9-9490-F8B8D8FAA1BD}"/>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a:extLst>
            <a:ext uri="{FF2B5EF4-FFF2-40B4-BE49-F238E27FC236}">
              <a16:creationId xmlns:a16="http://schemas.microsoft.com/office/drawing/2014/main" id="{E8BAAE93-FC5E-4C7A-8BDC-F02C94FCFF9A}"/>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1376</xdr:rowOff>
    </xdr:from>
    <xdr:to>
      <xdr:col>24</xdr:col>
      <xdr:colOff>62865</xdr:colOff>
      <xdr:row>85</xdr:row>
      <xdr:rowOff>165463</xdr:rowOff>
    </xdr:to>
    <xdr:cxnSp macro="">
      <xdr:nvCxnSpPr>
        <xdr:cNvPr id="288" name="直線コネクタ 287">
          <a:extLst>
            <a:ext uri="{FF2B5EF4-FFF2-40B4-BE49-F238E27FC236}">
              <a16:creationId xmlns:a16="http://schemas.microsoft.com/office/drawing/2014/main" id="{2B9B1661-401D-4323-AA62-1EEE97713546}"/>
            </a:ext>
          </a:extLst>
        </xdr:cNvPr>
        <xdr:cNvCxnSpPr/>
      </xdr:nvCxnSpPr>
      <xdr:spPr>
        <a:xfrm flipV="1">
          <a:off x="4634865" y="13494476"/>
          <a:ext cx="0" cy="12442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69290</xdr:rowOff>
    </xdr:from>
    <xdr:ext cx="405111" cy="259045"/>
    <xdr:sp macro="" textlink="">
      <xdr:nvSpPr>
        <xdr:cNvPr id="289" name="【福祉施設】&#10;有形固定資産減価償却率最小値テキスト">
          <a:extLst>
            <a:ext uri="{FF2B5EF4-FFF2-40B4-BE49-F238E27FC236}">
              <a16:creationId xmlns:a16="http://schemas.microsoft.com/office/drawing/2014/main" id="{3FC03262-38B8-46B4-BF2C-902BD25A2E61}"/>
            </a:ext>
          </a:extLst>
        </xdr:cNvPr>
        <xdr:cNvSpPr txBox="1"/>
      </xdr:nvSpPr>
      <xdr:spPr>
        <a:xfrm>
          <a:off x="4673600" y="14742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65463</xdr:rowOff>
    </xdr:from>
    <xdr:to>
      <xdr:col>24</xdr:col>
      <xdr:colOff>152400</xdr:colOff>
      <xdr:row>85</xdr:row>
      <xdr:rowOff>165463</xdr:rowOff>
    </xdr:to>
    <xdr:cxnSp macro="">
      <xdr:nvCxnSpPr>
        <xdr:cNvPr id="290" name="直線コネクタ 289">
          <a:extLst>
            <a:ext uri="{FF2B5EF4-FFF2-40B4-BE49-F238E27FC236}">
              <a16:creationId xmlns:a16="http://schemas.microsoft.com/office/drawing/2014/main" id="{868D70F6-DDBE-4322-877F-C4FB5474CDC2}"/>
            </a:ext>
          </a:extLst>
        </xdr:cNvPr>
        <xdr:cNvCxnSpPr/>
      </xdr:nvCxnSpPr>
      <xdr:spPr>
        <a:xfrm>
          <a:off x="4546600" y="14738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68053</xdr:rowOff>
    </xdr:from>
    <xdr:ext cx="405111" cy="259045"/>
    <xdr:sp macro="" textlink="">
      <xdr:nvSpPr>
        <xdr:cNvPr id="291" name="【福祉施設】&#10;有形固定資産減価償却率最大値テキスト">
          <a:extLst>
            <a:ext uri="{FF2B5EF4-FFF2-40B4-BE49-F238E27FC236}">
              <a16:creationId xmlns:a16="http://schemas.microsoft.com/office/drawing/2014/main" id="{A130F04D-C8EA-47AE-882D-5740C9713438}"/>
            </a:ext>
          </a:extLst>
        </xdr:cNvPr>
        <xdr:cNvSpPr txBox="1"/>
      </xdr:nvSpPr>
      <xdr:spPr>
        <a:xfrm>
          <a:off x="4673600" y="1326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1376</xdr:rowOff>
    </xdr:from>
    <xdr:to>
      <xdr:col>24</xdr:col>
      <xdr:colOff>152400</xdr:colOff>
      <xdr:row>78</xdr:row>
      <xdr:rowOff>121376</xdr:rowOff>
    </xdr:to>
    <xdr:cxnSp macro="">
      <xdr:nvCxnSpPr>
        <xdr:cNvPr id="292" name="直線コネクタ 291">
          <a:extLst>
            <a:ext uri="{FF2B5EF4-FFF2-40B4-BE49-F238E27FC236}">
              <a16:creationId xmlns:a16="http://schemas.microsoft.com/office/drawing/2014/main" id="{62F4ED93-7ACE-41E0-AB64-C849BCCE88F5}"/>
            </a:ext>
          </a:extLst>
        </xdr:cNvPr>
        <xdr:cNvCxnSpPr/>
      </xdr:nvCxnSpPr>
      <xdr:spPr>
        <a:xfrm>
          <a:off x="4546600" y="1349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26109</xdr:rowOff>
    </xdr:from>
    <xdr:ext cx="405111" cy="259045"/>
    <xdr:sp macro="" textlink="">
      <xdr:nvSpPr>
        <xdr:cNvPr id="293" name="【福祉施設】&#10;有形固定資産減価償却率平均値テキスト">
          <a:extLst>
            <a:ext uri="{FF2B5EF4-FFF2-40B4-BE49-F238E27FC236}">
              <a16:creationId xmlns:a16="http://schemas.microsoft.com/office/drawing/2014/main" id="{A05ED929-9D31-491D-A291-97832FEFFE17}"/>
            </a:ext>
          </a:extLst>
        </xdr:cNvPr>
        <xdr:cNvSpPr txBox="1"/>
      </xdr:nvSpPr>
      <xdr:spPr>
        <a:xfrm>
          <a:off x="4673600" y="140135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3232</xdr:rowOff>
    </xdr:from>
    <xdr:to>
      <xdr:col>24</xdr:col>
      <xdr:colOff>114300</xdr:colOff>
      <xdr:row>83</xdr:row>
      <xdr:rowOff>33382</xdr:rowOff>
    </xdr:to>
    <xdr:sp macro="" textlink="">
      <xdr:nvSpPr>
        <xdr:cNvPr id="294" name="フローチャート: 判断 293">
          <a:extLst>
            <a:ext uri="{FF2B5EF4-FFF2-40B4-BE49-F238E27FC236}">
              <a16:creationId xmlns:a16="http://schemas.microsoft.com/office/drawing/2014/main" id="{BD7A16F1-D673-4F89-BAB4-F39CCF541B87}"/>
            </a:ext>
          </a:extLst>
        </xdr:cNvPr>
        <xdr:cNvSpPr/>
      </xdr:nvSpPr>
      <xdr:spPr>
        <a:xfrm>
          <a:off x="4584700" y="1416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06499</xdr:rowOff>
    </xdr:from>
    <xdr:to>
      <xdr:col>20</xdr:col>
      <xdr:colOff>38100</xdr:colOff>
      <xdr:row>83</xdr:row>
      <xdr:rowOff>36649</xdr:rowOff>
    </xdr:to>
    <xdr:sp macro="" textlink="">
      <xdr:nvSpPr>
        <xdr:cNvPr id="295" name="フローチャート: 判断 294">
          <a:extLst>
            <a:ext uri="{FF2B5EF4-FFF2-40B4-BE49-F238E27FC236}">
              <a16:creationId xmlns:a16="http://schemas.microsoft.com/office/drawing/2014/main" id="{89875FA9-07FF-4ACF-9D64-A8CDEB0CF2D2}"/>
            </a:ext>
          </a:extLst>
        </xdr:cNvPr>
        <xdr:cNvSpPr/>
      </xdr:nvSpPr>
      <xdr:spPr>
        <a:xfrm>
          <a:off x="3746500" y="1416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78739</xdr:rowOff>
    </xdr:from>
    <xdr:to>
      <xdr:col>15</xdr:col>
      <xdr:colOff>101600</xdr:colOff>
      <xdr:row>83</xdr:row>
      <xdr:rowOff>8889</xdr:rowOff>
    </xdr:to>
    <xdr:sp macro="" textlink="">
      <xdr:nvSpPr>
        <xdr:cNvPr id="296" name="フローチャート: 判断 295">
          <a:extLst>
            <a:ext uri="{FF2B5EF4-FFF2-40B4-BE49-F238E27FC236}">
              <a16:creationId xmlns:a16="http://schemas.microsoft.com/office/drawing/2014/main" id="{91CE763F-3C63-4D5D-9CF4-5763BBD63CFA}"/>
            </a:ext>
          </a:extLst>
        </xdr:cNvPr>
        <xdr:cNvSpPr/>
      </xdr:nvSpPr>
      <xdr:spPr>
        <a:xfrm>
          <a:off x="2857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65677</xdr:rowOff>
    </xdr:from>
    <xdr:to>
      <xdr:col>10</xdr:col>
      <xdr:colOff>165100</xdr:colOff>
      <xdr:row>82</xdr:row>
      <xdr:rowOff>167277</xdr:rowOff>
    </xdr:to>
    <xdr:sp macro="" textlink="">
      <xdr:nvSpPr>
        <xdr:cNvPr id="297" name="フローチャート: 判断 296">
          <a:extLst>
            <a:ext uri="{FF2B5EF4-FFF2-40B4-BE49-F238E27FC236}">
              <a16:creationId xmlns:a16="http://schemas.microsoft.com/office/drawing/2014/main" id="{E1B1EEA3-DBC9-4581-9F11-FC337B7AF627}"/>
            </a:ext>
          </a:extLst>
        </xdr:cNvPr>
        <xdr:cNvSpPr/>
      </xdr:nvSpPr>
      <xdr:spPr>
        <a:xfrm>
          <a:off x="1968500" y="1412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21589</xdr:rowOff>
    </xdr:from>
    <xdr:to>
      <xdr:col>6</xdr:col>
      <xdr:colOff>38100</xdr:colOff>
      <xdr:row>82</xdr:row>
      <xdr:rowOff>123189</xdr:rowOff>
    </xdr:to>
    <xdr:sp macro="" textlink="">
      <xdr:nvSpPr>
        <xdr:cNvPr id="298" name="フローチャート: 判断 297">
          <a:extLst>
            <a:ext uri="{FF2B5EF4-FFF2-40B4-BE49-F238E27FC236}">
              <a16:creationId xmlns:a16="http://schemas.microsoft.com/office/drawing/2014/main" id="{DA14524D-F38F-4CC4-B73B-56B0C7EDA498}"/>
            </a:ext>
          </a:extLst>
        </xdr:cNvPr>
        <xdr:cNvSpPr/>
      </xdr:nvSpPr>
      <xdr:spPr>
        <a:xfrm>
          <a:off x="1079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5924E216-200A-4991-A2A7-90C2FB7C9385}"/>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18871B9B-FCB9-4F95-93AA-B6D4DB6B383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E7039206-39E2-4134-9476-BF44A2B86E1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A8267FDC-0813-49FB-B8E9-B44670CB4920}"/>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DB51BC62-1255-4DB4-9BB4-C0CB876D71EB}"/>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19562</xdr:rowOff>
    </xdr:from>
    <xdr:to>
      <xdr:col>24</xdr:col>
      <xdr:colOff>114300</xdr:colOff>
      <xdr:row>83</xdr:row>
      <xdr:rowOff>49712</xdr:rowOff>
    </xdr:to>
    <xdr:sp macro="" textlink="">
      <xdr:nvSpPr>
        <xdr:cNvPr id="304" name="楕円 303">
          <a:extLst>
            <a:ext uri="{FF2B5EF4-FFF2-40B4-BE49-F238E27FC236}">
              <a16:creationId xmlns:a16="http://schemas.microsoft.com/office/drawing/2014/main" id="{442E956D-C30F-4E1D-9F82-3B1D95FF2C67}"/>
            </a:ext>
          </a:extLst>
        </xdr:cNvPr>
        <xdr:cNvSpPr/>
      </xdr:nvSpPr>
      <xdr:spPr>
        <a:xfrm>
          <a:off x="4584700" y="1417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97989</xdr:rowOff>
    </xdr:from>
    <xdr:ext cx="405111" cy="259045"/>
    <xdr:sp macro="" textlink="">
      <xdr:nvSpPr>
        <xdr:cNvPr id="305" name="【福祉施設】&#10;有形固定資産減価償却率該当値テキスト">
          <a:extLst>
            <a:ext uri="{FF2B5EF4-FFF2-40B4-BE49-F238E27FC236}">
              <a16:creationId xmlns:a16="http://schemas.microsoft.com/office/drawing/2014/main" id="{E626CCB3-5E51-4E6E-89D0-1C2A448C5273}"/>
            </a:ext>
          </a:extLst>
        </xdr:cNvPr>
        <xdr:cNvSpPr txBox="1"/>
      </xdr:nvSpPr>
      <xdr:spPr>
        <a:xfrm>
          <a:off x="4673600" y="14156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85271</xdr:rowOff>
    </xdr:from>
    <xdr:to>
      <xdr:col>20</xdr:col>
      <xdr:colOff>38100</xdr:colOff>
      <xdr:row>83</xdr:row>
      <xdr:rowOff>15421</xdr:rowOff>
    </xdr:to>
    <xdr:sp macro="" textlink="">
      <xdr:nvSpPr>
        <xdr:cNvPr id="306" name="楕円 305">
          <a:extLst>
            <a:ext uri="{FF2B5EF4-FFF2-40B4-BE49-F238E27FC236}">
              <a16:creationId xmlns:a16="http://schemas.microsoft.com/office/drawing/2014/main" id="{206F2990-834B-4D5B-BECF-F52676CFB27E}"/>
            </a:ext>
          </a:extLst>
        </xdr:cNvPr>
        <xdr:cNvSpPr/>
      </xdr:nvSpPr>
      <xdr:spPr>
        <a:xfrm>
          <a:off x="3746500" y="1414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36071</xdr:rowOff>
    </xdr:from>
    <xdr:to>
      <xdr:col>24</xdr:col>
      <xdr:colOff>63500</xdr:colOff>
      <xdr:row>82</xdr:row>
      <xdr:rowOff>170362</xdr:rowOff>
    </xdr:to>
    <xdr:cxnSp macro="">
      <xdr:nvCxnSpPr>
        <xdr:cNvPr id="307" name="直線コネクタ 306">
          <a:extLst>
            <a:ext uri="{FF2B5EF4-FFF2-40B4-BE49-F238E27FC236}">
              <a16:creationId xmlns:a16="http://schemas.microsoft.com/office/drawing/2014/main" id="{43015056-4FB1-4B5D-80B3-F82710B7546F}"/>
            </a:ext>
          </a:extLst>
        </xdr:cNvPr>
        <xdr:cNvCxnSpPr/>
      </xdr:nvCxnSpPr>
      <xdr:spPr>
        <a:xfrm>
          <a:off x="3797300" y="14194971"/>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49349</xdr:rowOff>
    </xdr:from>
    <xdr:to>
      <xdr:col>15</xdr:col>
      <xdr:colOff>101600</xdr:colOff>
      <xdr:row>82</xdr:row>
      <xdr:rowOff>150949</xdr:rowOff>
    </xdr:to>
    <xdr:sp macro="" textlink="">
      <xdr:nvSpPr>
        <xdr:cNvPr id="308" name="楕円 307">
          <a:extLst>
            <a:ext uri="{FF2B5EF4-FFF2-40B4-BE49-F238E27FC236}">
              <a16:creationId xmlns:a16="http://schemas.microsoft.com/office/drawing/2014/main" id="{845453F6-870E-464C-B15A-A0E9CF9949E6}"/>
            </a:ext>
          </a:extLst>
        </xdr:cNvPr>
        <xdr:cNvSpPr/>
      </xdr:nvSpPr>
      <xdr:spPr>
        <a:xfrm>
          <a:off x="2857500" y="14108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00149</xdr:rowOff>
    </xdr:from>
    <xdr:to>
      <xdr:col>19</xdr:col>
      <xdr:colOff>177800</xdr:colOff>
      <xdr:row>82</xdr:row>
      <xdr:rowOff>136071</xdr:rowOff>
    </xdr:to>
    <xdr:cxnSp macro="">
      <xdr:nvCxnSpPr>
        <xdr:cNvPr id="309" name="直線コネクタ 308">
          <a:extLst>
            <a:ext uri="{FF2B5EF4-FFF2-40B4-BE49-F238E27FC236}">
              <a16:creationId xmlns:a16="http://schemas.microsoft.com/office/drawing/2014/main" id="{9656CD02-D780-41C3-A3E2-EC2C77618728}"/>
            </a:ext>
          </a:extLst>
        </xdr:cNvPr>
        <xdr:cNvCxnSpPr/>
      </xdr:nvCxnSpPr>
      <xdr:spPr>
        <a:xfrm>
          <a:off x="2908300" y="14159049"/>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363</xdr:rowOff>
    </xdr:from>
    <xdr:to>
      <xdr:col>10</xdr:col>
      <xdr:colOff>165100</xdr:colOff>
      <xdr:row>82</xdr:row>
      <xdr:rowOff>101963</xdr:rowOff>
    </xdr:to>
    <xdr:sp macro="" textlink="">
      <xdr:nvSpPr>
        <xdr:cNvPr id="310" name="楕円 309">
          <a:extLst>
            <a:ext uri="{FF2B5EF4-FFF2-40B4-BE49-F238E27FC236}">
              <a16:creationId xmlns:a16="http://schemas.microsoft.com/office/drawing/2014/main" id="{639A3CD2-D35F-4348-A346-BF198FAD0BA0}"/>
            </a:ext>
          </a:extLst>
        </xdr:cNvPr>
        <xdr:cNvSpPr/>
      </xdr:nvSpPr>
      <xdr:spPr>
        <a:xfrm>
          <a:off x="1968500" y="1405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51163</xdr:rowOff>
    </xdr:from>
    <xdr:to>
      <xdr:col>15</xdr:col>
      <xdr:colOff>50800</xdr:colOff>
      <xdr:row>82</xdr:row>
      <xdr:rowOff>100149</xdr:rowOff>
    </xdr:to>
    <xdr:cxnSp macro="">
      <xdr:nvCxnSpPr>
        <xdr:cNvPr id="311" name="直線コネクタ 310">
          <a:extLst>
            <a:ext uri="{FF2B5EF4-FFF2-40B4-BE49-F238E27FC236}">
              <a16:creationId xmlns:a16="http://schemas.microsoft.com/office/drawing/2014/main" id="{50B26E2D-A249-4B6C-B0CF-31B25A99D2E4}"/>
            </a:ext>
          </a:extLst>
        </xdr:cNvPr>
        <xdr:cNvCxnSpPr/>
      </xdr:nvCxnSpPr>
      <xdr:spPr>
        <a:xfrm>
          <a:off x="2019300" y="14110063"/>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62016</xdr:rowOff>
    </xdr:from>
    <xdr:to>
      <xdr:col>6</xdr:col>
      <xdr:colOff>38100</xdr:colOff>
      <xdr:row>82</xdr:row>
      <xdr:rowOff>92166</xdr:rowOff>
    </xdr:to>
    <xdr:sp macro="" textlink="">
      <xdr:nvSpPr>
        <xdr:cNvPr id="312" name="楕円 311">
          <a:extLst>
            <a:ext uri="{FF2B5EF4-FFF2-40B4-BE49-F238E27FC236}">
              <a16:creationId xmlns:a16="http://schemas.microsoft.com/office/drawing/2014/main" id="{9AFD2BBA-65A8-4D65-8F6A-09FE160B4A29}"/>
            </a:ext>
          </a:extLst>
        </xdr:cNvPr>
        <xdr:cNvSpPr/>
      </xdr:nvSpPr>
      <xdr:spPr>
        <a:xfrm>
          <a:off x="1079500" y="14049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41366</xdr:rowOff>
    </xdr:from>
    <xdr:to>
      <xdr:col>10</xdr:col>
      <xdr:colOff>114300</xdr:colOff>
      <xdr:row>82</xdr:row>
      <xdr:rowOff>51163</xdr:rowOff>
    </xdr:to>
    <xdr:cxnSp macro="">
      <xdr:nvCxnSpPr>
        <xdr:cNvPr id="313" name="直線コネクタ 312">
          <a:extLst>
            <a:ext uri="{FF2B5EF4-FFF2-40B4-BE49-F238E27FC236}">
              <a16:creationId xmlns:a16="http://schemas.microsoft.com/office/drawing/2014/main" id="{BCBDDAF2-BEF1-4B46-80D1-D4A0C704B43E}"/>
            </a:ext>
          </a:extLst>
        </xdr:cNvPr>
        <xdr:cNvCxnSpPr/>
      </xdr:nvCxnSpPr>
      <xdr:spPr>
        <a:xfrm>
          <a:off x="1130300" y="14100266"/>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27776</xdr:rowOff>
    </xdr:from>
    <xdr:ext cx="405111" cy="259045"/>
    <xdr:sp macro="" textlink="">
      <xdr:nvSpPr>
        <xdr:cNvPr id="314" name="n_1aveValue【福祉施設】&#10;有形固定資産減価償却率">
          <a:extLst>
            <a:ext uri="{FF2B5EF4-FFF2-40B4-BE49-F238E27FC236}">
              <a16:creationId xmlns:a16="http://schemas.microsoft.com/office/drawing/2014/main" id="{AFC18BB9-5EDE-4F08-B5B3-B3D88B9E484E}"/>
            </a:ext>
          </a:extLst>
        </xdr:cNvPr>
        <xdr:cNvSpPr txBox="1"/>
      </xdr:nvSpPr>
      <xdr:spPr>
        <a:xfrm>
          <a:off x="3582044" y="1425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6</xdr:rowOff>
    </xdr:from>
    <xdr:ext cx="405111" cy="259045"/>
    <xdr:sp macro="" textlink="">
      <xdr:nvSpPr>
        <xdr:cNvPr id="315" name="n_2aveValue【福祉施設】&#10;有形固定資産減価償却率">
          <a:extLst>
            <a:ext uri="{FF2B5EF4-FFF2-40B4-BE49-F238E27FC236}">
              <a16:creationId xmlns:a16="http://schemas.microsoft.com/office/drawing/2014/main" id="{AF1CDCA6-10E8-4C48-8121-BF478F0B93E1}"/>
            </a:ext>
          </a:extLst>
        </xdr:cNvPr>
        <xdr:cNvSpPr txBox="1"/>
      </xdr:nvSpPr>
      <xdr:spPr>
        <a:xfrm>
          <a:off x="2705744" y="1423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58404</xdr:rowOff>
    </xdr:from>
    <xdr:ext cx="405111" cy="259045"/>
    <xdr:sp macro="" textlink="">
      <xdr:nvSpPr>
        <xdr:cNvPr id="316" name="n_3aveValue【福祉施設】&#10;有形固定資産減価償却率">
          <a:extLst>
            <a:ext uri="{FF2B5EF4-FFF2-40B4-BE49-F238E27FC236}">
              <a16:creationId xmlns:a16="http://schemas.microsoft.com/office/drawing/2014/main" id="{3C48828C-642C-4AA9-8A52-7E806624DC10}"/>
            </a:ext>
          </a:extLst>
        </xdr:cNvPr>
        <xdr:cNvSpPr txBox="1"/>
      </xdr:nvSpPr>
      <xdr:spPr>
        <a:xfrm>
          <a:off x="1816744" y="1421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14316</xdr:rowOff>
    </xdr:from>
    <xdr:ext cx="405111" cy="259045"/>
    <xdr:sp macro="" textlink="">
      <xdr:nvSpPr>
        <xdr:cNvPr id="317" name="n_4aveValue【福祉施設】&#10;有形固定資産減価償却率">
          <a:extLst>
            <a:ext uri="{FF2B5EF4-FFF2-40B4-BE49-F238E27FC236}">
              <a16:creationId xmlns:a16="http://schemas.microsoft.com/office/drawing/2014/main" id="{15225B47-8E33-483B-90E0-00F68BE6CD37}"/>
            </a:ext>
          </a:extLst>
        </xdr:cNvPr>
        <xdr:cNvSpPr txBox="1"/>
      </xdr:nvSpPr>
      <xdr:spPr>
        <a:xfrm>
          <a:off x="927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31948</xdr:rowOff>
    </xdr:from>
    <xdr:ext cx="405111" cy="259045"/>
    <xdr:sp macro="" textlink="">
      <xdr:nvSpPr>
        <xdr:cNvPr id="318" name="n_1mainValue【福祉施設】&#10;有形固定資産減価償却率">
          <a:extLst>
            <a:ext uri="{FF2B5EF4-FFF2-40B4-BE49-F238E27FC236}">
              <a16:creationId xmlns:a16="http://schemas.microsoft.com/office/drawing/2014/main" id="{8BD22643-716B-45A0-8D81-1B6F12F19B66}"/>
            </a:ext>
          </a:extLst>
        </xdr:cNvPr>
        <xdr:cNvSpPr txBox="1"/>
      </xdr:nvSpPr>
      <xdr:spPr>
        <a:xfrm>
          <a:off x="3582044" y="139193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67476</xdr:rowOff>
    </xdr:from>
    <xdr:ext cx="405111" cy="259045"/>
    <xdr:sp macro="" textlink="">
      <xdr:nvSpPr>
        <xdr:cNvPr id="319" name="n_2mainValue【福祉施設】&#10;有形固定資産減価償却率">
          <a:extLst>
            <a:ext uri="{FF2B5EF4-FFF2-40B4-BE49-F238E27FC236}">
              <a16:creationId xmlns:a16="http://schemas.microsoft.com/office/drawing/2014/main" id="{BCB7266D-E0EA-460B-A05A-401D68A8DCBF}"/>
            </a:ext>
          </a:extLst>
        </xdr:cNvPr>
        <xdr:cNvSpPr txBox="1"/>
      </xdr:nvSpPr>
      <xdr:spPr>
        <a:xfrm>
          <a:off x="2705744" y="13883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18490</xdr:rowOff>
    </xdr:from>
    <xdr:ext cx="405111" cy="259045"/>
    <xdr:sp macro="" textlink="">
      <xdr:nvSpPr>
        <xdr:cNvPr id="320" name="n_3mainValue【福祉施設】&#10;有形固定資産減価償却率">
          <a:extLst>
            <a:ext uri="{FF2B5EF4-FFF2-40B4-BE49-F238E27FC236}">
              <a16:creationId xmlns:a16="http://schemas.microsoft.com/office/drawing/2014/main" id="{F9C53FCC-F391-48D1-982E-63BCA19766B4}"/>
            </a:ext>
          </a:extLst>
        </xdr:cNvPr>
        <xdr:cNvSpPr txBox="1"/>
      </xdr:nvSpPr>
      <xdr:spPr>
        <a:xfrm>
          <a:off x="1816744" y="1383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08693</xdr:rowOff>
    </xdr:from>
    <xdr:ext cx="405111" cy="259045"/>
    <xdr:sp macro="" textlink="">
      <xdr:nvSpPr>
        <xdr:cNvPr id="321" name="n_4mainValue【福祉施設】&#10;有形固定資産減価償却率">
          <a:extLst>
            <a:ext uri="{FF2B5EF4-FFF2-40B4-BE49-F238E27FC236}">
              <a16:creationId xmlns:a16="http://schemas.microsoft.com/office/drawing/2014/main" id="{4D9A990F-9D2A-4FC8-92BD-2F703AD28A47}"/>
            </a:ext>
          </a:extLst>
        </xdr:cNvPr>
        <xdr:cNvSpPr txBox="1"/>
      </xdr:nvSpPr>
      <xdr:spPr>
        <a:xfrm>
          <a:off x="927744" y="1382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B179FF19-47C6-4D7E-A394-2763B39B5B6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942273B8-E464-47F9-A743-3A056665F21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5E567A28-66B5-4082-9260-E6FE2ACCD1D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D36CA061-642C-4276-8038-E89DCC45CDC9}"/>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3F50F53D-ADB2-423A-8F82-53941A90C8F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269E3AAC-A0CD-4FDC-95C0-E735A64DA46B}"/>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87DA93B3-1F7C-498B-AC51-06A98DAB7BB7}"/>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DBF85DE2-92F0-4BEA-899F-7048AE502D96}"/>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44E9E718-53A2-4275-A1D3-251BB506E7C3}"/>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AF5AB9EA-979B-45E9-B4D6-4623B593378B}"/>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id="{AE01F007-F1D7-4145-9FF0-D596465E7D30}"/>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a16="http://schemas.microsoft.com/office/drawing/2014/main" id="{3968E687-EEC9-40CB-BCA9-1BD92E880B71}"/>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id="{692A304C-6169-4D52-A903-14DCBBC13EA0}"/>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a16="http://schemas.microsoft.com/office/drawing/2014/main" id="{5EA55D1B-FDB3-4A1E-810E-E1B25B5D0783}"/>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id="{9C44B962-6070-41A3-92A2-5F6FC3600F94}"/>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a16="http://schemas.microsoft.com/office/drawing/2014/main" id="{8AC27FF7-6C49-4099-920F-663603B3FDEC}"/>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id="{ADB33CE2-FB96-40D7-84BF-6B3F964B3652}"/>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a16="http://schemas.microsoft.com/office/drawing/2014/main" id="{3272BD81-9906-479D-A878-51D60F2AE5A3}"/>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id="{61FE3DB9-0B3A-43A4-A76A-9102888E55D2}"/>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a16="http://schemas.microsoft.com/office/drawing/2014/main" id="{EF615C6A-F58F-473D-83CF-7071E4B005F6}"/>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AF4EAD07-1B48-4A25-8D63-0D397ABA12D4}"/>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a:extLst>
            <a:ext uri="{FF2B5EF4-FFF2-40B4-BE49-F238E27FC236}">
              <a16:creationId xmlns:a16="http://schemas.microsoft.com/office/drawing/2014/main" id="{BDF5EDC0-A5E1-44E7-BA48-C65F5AEBEDB9}"/>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a:extLst>
            <a:ext uri="{FF2B5EF4-FFF2-40B4-BE49-F238E27FC236}">
              <a16:creationId xmlns:a16="http://schemas.microsoft.com/office/drawing/2014/main" id="{5AC108FC-BD46-4CFC-84AA-324571B8D54C}"/>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95250</xdr:rowOff>
    </xdr:from>
    <xdr:to>
      <xdr:col>54</xdr:col>
      <xdr:colOff>189865</xdr:colOff>
      <xdr:row>86</xdr:row>
      <xdr:rowOff>63500</xdr:rowOff>
    </xdr:to>
    <xdr:cxnSp macro="">
      <xdr:nvCxnSpPr>
        <xdr:cNvPr id="345" name="直線コネクタ 344">
          <a:extLst>
            <a:ext uri="{FF2B5EF4-FFF2-40B4-BE49-F238E27FC236}">
              <a16:creationId xmlns:a16="http://schemas.microsoft.com/office/drawing/2014/main" id="{AD9634B7-38C9-4FFB-BFCA-0B53CB9C47A4}"/>
            </a:ext>
          </a:extLst>
        </xdr:cNvPr>
        <xdr:cNvCxnSpPr/>
      </xdr:nvCxnSpPr>
      <xdr:spPr>
        <a:xfrm flipV="1">
          <a:off x="10476865" y="132969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346" name="【福祉施設】&#10;一人当たり面積最小値テキスト">
          <a:extLst>
            <a:ext uri="{FF2B5EF4-FFF2-40B4-BE49-F238E27FC236}">
              <a16:creationId xmlns:a16="http://schemas.microsoft.com/office/drawing/2014/main" id="{843FDEBC-D0C7-4F7B-B039-B37ADA87C36A}"/>
            </a:ext>
          </a:extLst>
        </xdr:cNvPr>
        <xdr:cNvSpPr txBox="1"/>
      </xdr:nvSpPr>
      <xdr:spPr>
        <a:xfrm>
          <a:off x="10515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47" name="直線コネクタ 346">
          <a:extLst>
            <a:ext uri="{FF2B5EF4-FFF2-40B4-BE49-F238E27FC236}">
              <a16:creationId xmlns:a16="http://schemas.microsoft.com/office/drawing/2014/main" id="{01B80533-8AB7-4CD8-B239-549DC97467BF}"/>
            </a:ext>
          </a:extLst>
        </xdr:cNvPr>
        <xdr:cNvCxnSpPr/>
      </xdr:nvCxnSpPr>
      <xdr:spPr>
        <a:xfrm>
          <a:off x="10388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41927</xdr:rowOff>
    </xdr:from>
    <xdr:ext cx="469744" cy="259045"/>
    <xdr:sp macro="" textlink="">
      <xdr:nvSpPr>
        <xdr:cNvPr id="348" name="【福祉施設】&#10;一人当たり面積最大値テキスト">
          <a:extLst>
            <a:ext uri="{FF2B5EF4-FFF2-40B4-BE49-F238E27FC236}">
              <a16:creationId xmlns:a16="http://schemas.microsoft.com/office/drawing/2014/main" id="{C036CD18-50FC-49A0-984C-54D3F9512FCC}"/>
            </a:ext>
          </a:extLst>
        </xdr:cNvPr>
        <xdr:cNvSpPr txBox="1"/>
      </xdr:nvSpPr>
      <xdr:spPr>
        <a:xfrm>
          <a:off x="10515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95250</xdr:rowOff>
    </xdr:from>
    <xdr:to>
      <xdr:col>55</xdr:col>
      <xdr:colOff>88900</xdr:colOff>
      <xdr:row>77</xdr:row>
      <xdr:rowOff>95250</xdr:rowOff>
    </xdr:to>
    <xdr:cxnSp macro="">
      <xdr:nvCxnSpPr>
        <xdr:cNvPr id="349" name="直線コネクタ 348">
          <a:extLst>
            <a:ext uri="{FF2B5EF4-FFF2-40B4-BE49-F238E27FC236}">
              <a16:creationId xmlns:a16="http://schemas.microsoft.com/office/drawing/2014/main" id="{2C4D62DA-76CA-429E-9B6E-41F55E4B5DDF}"/>
            </a:ext>
          </a:extLst>
        </xdr:cNvPr>
        <xdr:cNvCxnSpPr/>
      </xdr:nvCxnSpPr>
      <xdr:spPr>
        <a:xfrm>
          <a:off x="10388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18127</xdr:rowOff>
    </xdr:from>
    <xdr:ext cx="469744" cy="259045"/>
    <xdr:sp macro="" textlink="">
      <xdr:nvSpPr>
        <xdr:cNvPr id="350" name="【福祉施設】&#10;一人当たり面積平均値テキスト">
          <a:extLst>
            <a:ext uri="{FF2B5EF4-FFF2-40B4-BE49-F238E27FC236}">
              <a16:creationId xmlns:a16="http://schemas.microsoft.com/office/drawing/2014/main" id="{2A18107C-BE7A-475A-9586-E52206FD5396}"/>
            </a:ext>
          </a:extLst>
        </xdr:cNvPr>
        <xdr:cNvSpPr txBox="1"/>
      </xdr:nvSpPr>
      <xdr:spPr>
        <a:xfrm>
          <a:off x="10515600" y="14177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9700</xdr:rowOff>
    </xdr:from>
    <xdr:to>
      <xdr:col>55</xdr:col>
      <xdr:colOff>50800</xdr:colOff>
      <xdr:row>83</xdr:row>
      <xdr:rowOff>69850</xdr:rowOff>
    </xdr:to>
    <xdr:sp macro="" textlink="">
      <xdr:nvSpPr>
        <xdr:cNvPr id="351" name="フローチャート: 判断 350">
          <a:extLst>
            <a:ext uri="{FF2B5EF4-FFF2-40B4-BE49-F238E27FC236}">
              <a16:creationId xmlns:a16="http://schemas.microsoft.com/office/drawing/2014/main" id="{E47471F1-13A6-4982-A4F6-7A6B34731CCB}"/>
            </a:ext>
          </a:extLst>
        </xdr:cNvPr>
        <xdr:cNvSpPr/>
      </xdr:nvSpPr>
      <xdr:spPr>
        <a:xfrm>
          <a:off x="104267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9050</xdr:rowOff>
    </xdr:from>
    <xdr:to>
      <xdr:col>50</xdr:col>
      <xdr:colOff>165100</xdr:colOff>
      <xdr:row>83</xdr:row>
      <xdr:rowOff>120650</xdr:rowOff>
    </xdr:to>
    <xdr:sp macro="" textlink="">
      <xdr:nvSpPr>
        <xdr:cNvPr id="352" name="フローチャート: 判断 351">
          <a:extLst>
            <a:ext uri="{FF2B5EF4-FFF2-40B4-BE49-F238E27FC236}">
              <a16:creationId xmlns:a16="http://schemas.microsoft.com/office/drawing/2014/main" id="{4D8C29C7-8CC5-4214-B518-43F67E0AB157}"/>
            </a:ext>
          </a:extLst>
        </xdr:cNvPr>
        <xdr:cNvSpPr/>
      </xdr:nvSpPr>
      <xdr:spPr>
        <a:xfrm>
          <a:off x="9588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53" name="フローチャート: 判断 352">
          <a:extLst>
            <a:ext uri="{FF2B5EF4-FFF2-40B4-BE49-F238E27FC236}">
              <a16:creationId xmlns:a16="http://schemas.microsoft.com/office/drawing/2014/main" id="{94CF9ED7-596B-48A2-B142-6E1E1451EA41}"/>
            </a:ext>
          </a:extLst>
        </xdr:cNvPr>
        <xdr:cNvSpPr/>
      </xdr:nvSpPr>
      <xdr:spPr>
        <a:xfrm>
          <a:off x="8699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6350</xdr:rowOff>
    </xdr:from>
    <xdr:to>
      <xdr:col>41</xdr:col>
      <xdr:colOff>101600</xdr:colOff>
      <xdr:row>83</xdr:row>
      <xdr:rowOff>107950</xdr:rowOff>
    </xdr:to>
    <xdr:sp macro="" textlink="">
      <xdr:nvSpPr>
        <xdr:cNvPr id="354" name="フローチャート: 判断 353">
          <a:extLst>
            <a:ext uri="{FF2B5EF4-FFF2-40B4-BE49-F238E27FC236}">
              <a16:creationId xmlns:a16="http://schemas.microsoft.com/office/drawing/2014/main" id="{1806AD35-157D-4091-A681-99955E2227BC}"/>
            </a:ext>
          </a:extLst>
        </xdr:cNvPr>
        <xdr:cNvSpPr/>
      </xdr:nvSpPr>
      <xdr:spPr>
        <a:xfrm>
          <a:off x="7810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52400</xdr:rowOff>
    </xdr:from>
    <xdr:to>
      <xdr:col>36</xdr:col>
      <xdr:colOff>165100</xdr:colOff>
      <xdr:row>83</xdr:row>
      <xdr:rowOff>82550</xdr:rowOff>
    </xdr:to>
    <xdr:sp macro="" textlink="">
      <xdr:nvSpPr>
        <xdr:cNvPr id="355" name="フローチャート: 判断 354">
          <a:extLst>
            <a:ext uri="{FF2B5EF4-FFF2-40B4-BE49-F238E27FC236}">
              <a16:creationId xmlns:a16="http://schemas.microsoft.com/office/drawing/2014/main" id="{0D23F1A9-ABD9-4F63-AA20-ACCB08A85A3A}"/>
            </a:ext>
          </a:extLst>
        </xdr:cNvPr>
        <xdr:cNvSpPr/>
      </xdr:nvSpPr>
      <xdr:spPr>
        <a:xfrm>
          <a:off x="6921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258629D7-B794-472A-8B03-4505B3DBB6E1}"/>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97A498CE-13B9-4084-AC82-7F7B546D60BA}"/>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445E0558-3D4F-47BC-A18F-E379378FBAE1}"/>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759D1528-4097-4F28-8829-6C9F5A317A5C}"/>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DEF28B19-FA08-4FF1-B787-1BA13B4F063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1</xdr:row>
      <xdr:rowOff>69850</xdr:rowOff>
    </xdr:from>
    <xdr:to>
      <xdr:col>55</xdr:col>
      <xdr:colOff>50800</xdr:colOff>
      <xdr:row>82</xdr:row>
      <xdr:rowOff>0</xdr:rowOff>
    </xdr:to>
    <xdr:sp macro="" textlink="">
      <xdr:nvSpPr>
        <xdr:cNvPr id="361" name="楕円 360">
          <a:extLst>
            <a:ext uri="{FF2B5EF4-FFF2-40B4-BE49-F238E27FC236}">
              <a16:creationId xmlns:a16="http://schemas.microsoft.com/office/drawing/2014/main" id="{4423349A-9C9B-4DA4-B5F2-94435A18C991}"/>
            </a:ext>
          </a:extLst>
        </xdr:cNvPr>
        <xdr:cNvSpPr/>
      </xdr:nvSpPr>
      <xdr:spPr>
        <a:xfrm>
          <a:off x="104267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0</xdr:row>
      <xdr:rowOff>92727</xdr:rowOff>
    </xdr:from>
    <xdr:ext cx="469744" cy="259045"/>
    <xdr:sp macro="" textlink="">
      <xdr:nvSpPr>
        <xdr:cNvPr id="362" name="【福祉施設】&#10;一人当たり面積該当値テキスト">
          <a:extLst>
            <a:ext uri="{FF2B5EF4-FFF2-40B4-BE49-F238E27FC236}">
              <a16:creationId xmlns:a16="http://schemas.microsoft.com/office/drawing/2014/main" id="{C9B2865F-18C6-4883-A078-EEC4738CF13A}"/>
            </a:ext>
          </a:extLst>
        </xdr:cNvPr>
        <xdr:cNvSpPr txBox="1"/>
      </xdr:nvSpPr>
      <xdr:spPr>
        <a:xfrm>
          <a:off x="10515600" y="13808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69850</xdr:rowOff>
    </xdr:from>
    <xdr:to>
      <xdr:col>50</xdr:col>
      <xdr:colOff>165100</xdr:colOff>
      <xdr:row>82</xdr:row>
      <xdr:rowOff>0</xdr:rowOff>
    </xdr:to>
    <xdr:sp macro="" textlink="">
      <xdr:nvSpPr>
        <xdr:cNvPr id="363" name="楕円 362">
          <a:extLst>
            <a:ext uri="{FF2B5EF4-FFF2-40B4-BE49-F238E27FC236}">
              <a16:creationId xmlns:a16="http://schemas.microsoft.com/office/drawing/2014/main" id="{40E52813-5417-4246-B8E4-E7E6D0A4D637}"/>
            </a:ext>
          </a:extLst>
        </xdr:cNvPr>
        <xdr:cNvSpPr/>
      </xdr:nvSpPr>
      <xdr:spPr>
        <a:xfrm>
          <a:off x="9588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1</xdr:row>
      <xdr:rowOff>120650</xdr:rowOff>
    </xdr:from>
    <xdr:to>
      <xdr:col>55</xdr:col>
      <xdr:colOff>0</xdr:colOff>
      <xdr:row>81</xdr:row>
      <xdr:rowOff>120650</xdr:rowOff>
    </xdr:to>
    <xdr:cxnSp macro="">
      <xdr:nvCxnSpPr>
        <xdr:cNvPr id="364" name="直線コネクタ 363">
          <a:extLst>
            <a:ext uri="{FF2B5EF4-FFF2-40B4-BE49-F238E27FC236}">
              <a16:creationId xmlns:a16="http://schemas.microsoft.com/office/drawing/2014/main" id="{28725120-09FD-4BEF-B54F-C206E79DCCB7}"/>
            </a:ext>
          </a:extLst>
        </xdr:cNvPr>
        <xdr:cNvCxnSpPr/>
      </xdr:nvCxnSpPr>
      <xdr:spPr>
        <a:xfrm>
          <a:off x="9639300" y="14008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1</xdr:row>
      <xdr:rowOff>69850</xdr:rowOff>
    </xdr:from>
    <xdr:to>
      <xdr:col>46</xdr:col>
      <xdr:colOff>38100</xdr:colOff>
      <xdr:row>82</xdr:row>
      <xdr:rowOff>0</xdr:rowOff>
    </xdr:to>
    <xdr:sp macro="" textlink="">
      <xdr:nvSpPr>
        <xdr:cNvPr id="365" name="楕円 364">
          <a:extLst>
            <a:ext uri="{FF2B5EF4-FFF2-40B4-BE49-F238E27FC236}">
              <a16:creationId xmlns:a16="http://schemas.microsoft.com/office/drawing/2014/main" id="{CB892A64-ADDF-479B-ADCC-1C9B778970D2}"/>
            </a:ext>
          </a:extLst>
        </xdr:cNvPr>
        <xdr:cNvSpPr/>
      </xdr:nvSpPr>
      <xdr:spPr>
        <a:xfrm>
          <a:off x="8699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1</xdr:row>
      <xdr:rowOff>120650</xdr:rowOff>
    </xdr:from>
    <xdr:to>
      <xdr:col>50</xdr:col>
      <xdr:colOff>114300</xdr:colOff>
      <xdr:row>81</xdr:row>
      <xdr:rowOff>120650</xdr:rowOff>
    </xdr:to>
    <xdr:cxnSp macro="">
      <xdr:nvCxnSpPr>
        <xdr:cNvPr id="366" name="直線コネクタ 365">
          <a:extLst>
            <a:ext uri="{FF2B5EF4-FFF2-40B4-BE49-F238E27FC236}">
              <a16:creationId xmlns:a16="http://schemas.microsoft.com/office/drawing/2014/main" id="{CD3247D2-E3BF-4F4B-9ED3-CE96D43127A9}"/>
            </a:ext>
          </a:extLst>
        </xdr:cNvPr>
        <xdr:cNvCxnSpPr/>
      </xdr:nvCxnSpPr>
      <xdr:spPr>
        <a:xfrm>
          <a:off x="8750300" y="14008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1</xdr:row>
      <xdr:rowOff>69850</xdr:rowOff>
    </xdr:from>
    <xdr:to>
      <xdr:col>41</xdr:col>
      <xdr:colOff>101600</xdr:colOff>
      <xdr:row>82</xdr:row>
      <xdr:rowOff>0</xdr:rowOff>
    </xdr:to>
    <xdr:sp macro="" textlink="">
      <xdr:nvSpPr>
        <xdr:cNvPr id="367" name="楕円 366">
          <a:extLst>
            <a:ext uri="{FF2B5EF4-FFF2-40B4-BE49-F238E27FC236}">
              <a16:creationId xmlns:a16="http://schemas.microsoft.com/office/drawing/2014/main" id="{977D9C52-4DEB-437C-A969-7BFB8AF35490}"/>
            </a:ext>
          </a:extLst>
        </xdr:cNvPr>
        <xdr:cNvSpPr/>
      </xdr:nvSpPr>
      <xdr:spPr>
        <a:xfrm>
          <a:off x="7810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1</xdr:row>
      <xdr:rowOff>120650</xdr:rowOff>
    </xdr:from>
    <xdr:to>
      <xdr:col>45</xdr:col>
      <xdr:colOff>177800</xdr:colOff>
      <xdr:row>81</xdr:row>
      <xdr:rowOff>120650</xdr:rowOff>
    </xdr:to>
    <xdr:cxnSp macro="">
      <xdr:nvCxnSpPr>
        <xdr:cNvPr id="368" name="直線コネクタ 367">
          <a:extLst>
            <a:ext uri="{FF2B5EF4-FFF2-40B4-BE49-F238E27FC236}">
              <a16:creationId xmlns:a16="http://schemas.microsoft.com/office/drawing/2014/main" id="{F0ED8746-D9A8-4FDE-817B-037E1446F760}"/>
            </a:ext>
          </a:extLst>
        </xdr:cNvPr>
        <xdr:cNvCxnSpPr/>
      </xdr:nvCxnSpPr>
      <xdr:spPr>
        <a:xfrm>
          <a:off x="7861300" y="14008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1</xdr:row>
      <xdr:rowOff>19050</xdr:rowOff>
    </xdr:from>
    <xdr:to>
      <xdr:col>36</xdr:col>
      <xdr:colOff>165100</xdr:colOff>
      <xdr:row>81</xdr:row>
      <xdr:rowOff>120650</xdr:rowOff>
    </xdr:to>
    <xdr:sp macro="" textlink="">
      <xdr:nvSpPr>
        <xdr:cNvPr id="369" name="楕円 368">
          <a:extLst>
            <a:ext uri="{FF2B5EF4-FFF2-40B4-BE49-F238E27FC236}">
              <a16:creationId xmlns:a16="http://schemas.microsoft.com/office/drawing/2014/main" id="{82549BC7-1698-4B6F-878D-644BE740ABAE}"/>
            </a:ext>
          </a:extLst>
        </xdr:cNvPr>
        <xdr:cNvSpPr/>
      </xdr:nvSpPr>
      <xdr:spPr>
        <a:xfrm>
          <a:off x="6921500" y="1390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1</xdr:row>
      <xdr:rowOff>69850</xdr:rowOff>
    </xdr:from>
    <xdr:to>
      <xdr:col>41</xdr:col>
      <xdr:colOff>50800</xdr:colOff>
      <xdr:row>81</xdr:row>
      <xdr:rowOff>120650</xdr:rowOff>
    </xdr:to>
    <xdr:cxnSp macro="">
      <xdr:nvCxnSpPr>
        <xdr:cNvPr id="370" name="直線コネクタ 369">
          <a:extLst>
            <a:ext uri="{FF2B5EF4-FFF2-40B4-BE49-F238E27FC236}">
              <a16:creationId xmlns:a16="http://schemas.microsoft.com/office/drawing/2014/main" id="{2C866923-A8DB-46A8-B80F-2900ADAF52E7}"/>
            </a:ext>
          </a:extLst>
        </xdr:cNvPr>
        <xdr:cNvCxnSpPr/>
      </xdr:nvCxnSpPr>
      <xdr:spPr>
        <a:xfrm>
          <a:off x="6972300" y="139573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11777</xdr:rowOff>
    </xdr:from>
    <xdr:ext cx="469744" cy="259045"/>
    <xdr:sp macro="" textlink="">
      <xdr:nvSpPr>
        <xdr:cNvPr id="371" name="n_1aveValue【福祉施設】&#10;一人当たり面積">
          <a:extLst>
            <a:ext uri="{FF2B5EF4-FFF2-40B4-BE49-F238E27FC236}">
              <a16:creationId xmlns:a16="http://schemas.microsoft.com/office/drawing/2014/main" id="{B5F0C658-B784-4F92-82C0-587D75CF578D}"/>
            </a:ext>
          </a:extLst>
        </xdr:cNvPr>
        <xdr:cNvSpPr txBox="1"/>
      </xdr:nvSpPr>
      <xdr:spPr>
        <a:xfrm>
          <a:off x="93917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11777</xdr:rowOff>
    </xdr:from>
    <xdr:ext cx="469744" cy="259045"/>
    <xdr:sp macro="" textlink="">
      <xdr:nvSpPr>
        <xdr:cNvPr id="372" name="n_2aveValue【福祉施設】&#10;一人当たり面積">
          <a:extLst>
            <a:ext uri="{FF2B5EF4-FFF2-40B4-BE49-F238E27FC236}">
              <a16:creationId xmlns:a16="http://schemas.microsoft.com/office/drawing/2014/main" id="{97E7FB0B-45B6-44AC-8809-A81B2AB1D097}"/>
            </a:ext>
          </a:extLst>
        </xdr:cNvPr>
        <xdr:cNvSpPr txBox="1"/>
      </xdr:nvSpPr>
      <xdr:spPr>
        <a:xfrm>
          <a:off x="8515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99077</xdr:rowOff>
    </xdr:from>
    <xdr:ext cx="469744" cy="259045"/>
    <xdr:sp macro="" textlink="">
      <xdr:nvSpPr>
        <xdr:cNvPr id="373" name="n_3aveValue【福祉施設】&#10;一人当たり面積">
          <a:extLst>
            <a:ext uri="{FF2B5EF4-FFF2-40B4-BE49-F238E27FC236}">
              <a16:creationId xmlns:a16="http://schemas.microsoft.com/office/drawing/2014/main" id="{F7361488-E971-43BA-B18D-11B27C8E0E66}"/>
            </a:ext>
          </a:extLst>
        </xdr:cNvPr>
        <xdr:cNvSpPr txBox="1"/>
      </xdr:nvSpPr>
      <xdr:spPr>
        <a:xfrm>
          <a:off x="76264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73677</xdr:rowOff>
    </xdr:from>
    <xdr:ext cx="469744" cy="259045"/>
    <xdr:sp macro="" textlink="">
      <xdr:nvSpPr>
        <xdr:cNvPr id="374" name="n_4aveValue【福祉施設】&#10;一人当たり面積">
          <a:extLst>
            <a:ext uri="{FF2B5EF4-FFF2-40B4-BE49-F238E27FC236}">
              <a16:creationId xmlns:a16="http://schemas.microsoft.com/office/drawing/2014/main" id="{5EE8D324-09CF-497C-8267-9E96B879A3AD}"/>
            </a:ext>
          </a:extLst>
        </xdr:cNvPr>
        <xdr:cNvSpPr txBox="1"/>
      </xdr:nvSpPr>
      <xdr:spPr>
        <a:xfrm>
          <a:off x="6737427" y="1430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0</xdr:row>
      <xdr:rowOff>16527</xdr:rowOff>
    </xdr:from>
    <xdr:ext cx="469744" cy="259045"/>
    <xdr:sp macro="" textlink="">
      <xdr:nvSpPr>
        <xdr:cNvPr id="375" name="n_1mainValue【福祉施設】&#10;一人当たり面積">
          <a:extLst>
            <a:ext uri="{FF2B5EF4-FFF2-40B4-BE49-F238E27FC236}">
              <a16:creationId xmlns:a16="http://schemas.microsoft.com/office/drawing/2014/main" id="{996B77BB-905B-47BF-B7DA-9A942841AFBE}"/>
            </a:ext>
          </a:extLst>
        </xdr:cNvPr>
        <xdr:cNvSpPr txBox="1"/>
      </xdr:nvSpPr>
      <xdr:spPr>
        <a:xfrm>
          <a:off x="93917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6527</xdr:rowOff>
    </xdr:from>
    <xdr:ext cx="469744" cy="259045"/>
    <xdr:sp macro="" textlink="">
      <xdr:nvSpPr>
        <xdr:cNvPr id="376" name="n_2mainValue【福祉施設】&#10;一人当たり面積">
          <a:extLst>
            <a:ext uri="{FF2B5EF4-FFF2-40B4-BE49-F238E27FC236}">
              <a16:creationId xmlns:a16="http://schemas.microsoft.com/office/drawing/2014/main" id="{CE1BC1FB-361F-4D49-9B31-2D15EC1E94EB}"/>
            </a:ext>
          </a:extLst>
        </xdr:cNvPr>
        <xdr:cNvSpPr txBox="1"/>
      </xdr:nvSpPr>
      <xdr:spPr>
        <a:xfrm>
          <a:off x="85154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6527</xdr:rowOff>
    </xdr:from>
    <xdr:ext cx="469744" cy="259045"/>
    <xdr:sp macro="" textlink="">
      <xdr:nvSpPr>
        <xdr:cNvPr id="377" name="n_3mainValue【福祉施設】&#10;一人当たり面積">
          <a:extLst>
            <a:ext uri="{FF2B5EF4-FFF2-40B4-BE49-F238E27FC236}">
              <a16:creationId xmlns:a16="http://schemas.microsoft.com/office/drawing/2014/main" id="{7D266F15-E4AF-430A-A641-5FD4CC49F26C}"/>
            </a:ext>
          </a:extLst>
        </xdr:cNvPr>
        <xdr:cNvSpPr txBox="1"/>
      </xdr:nvSpPr>
      <xdr:spPr>
        <a:xfrm>
          <a:off x="76264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79</xdr:row>
      <xdr:rowOff>137177</xdr:rowOff>
    </xdr:from>
    <xdr:ext cx="469744" cy="259045"/>
    <xdr:sp macro="" textlink="">
      <xdr:nvSpPr>
        <xdr:cNvPr id="378" name="n_4mainValue【福祉施設】&#10;一人当たり面積">
          <a:extLst>
            <a:ext uri="{FF2B5EF4-FFF2-40B4-BE49-F238E27FC236}">
              <a16:creationId xmlns:a16="http://schemas.microsoft.com/office/drawing/2014/main" id="{7C978C68-0784-4335-8E41-A181E8CC9A25}"/>
            </a:ext>
          </a:extLst>
        </xdr:cNvPr>
        <xdr:cNvSpPr txBox="1"/>
      </xdr:nvSpPr>
      <xdr:spPr>
        <a:xfrm>
          <a:off x="6737427" y="13681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2F302560-6075-48D2-BE00-7CB73458A6C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9EBCB697-9BA2-476E-A1B5-7FACC28636D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E3ED317E-B279-4314-BDD0-96DEF29B238A}"/>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52C080ED-EE9A-4700-B781-48F48BC5BAF7}"/>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4E4AA16E-05F1-4D77-B921-4567E3B03BAC}"/>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EEB26955-741E-414C-9EB6-4D622808F93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81EF68CC-E6FC-42E7-B940-B4E015E4D228}"/>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39B3117D-990B-4F01-BD09-B550BAD68E20}"/>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a:extLst>
            <a:ext uri="{FF2B5EF4-FFF2-40B4-BE49-F238E27FC236}">
              <a16:creationId xmlns:a16="http://schemas.microsoft.com/office/drawing/2014/main" id="{AAA728CB-E353-423F-9111-40DC2E58636C}"/>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a:extLst>
            <a:ext uri="{FF2B5EF4-FFF2-40B4-BE49-F238E27FC236}">
              <a16:creationId xmlns:a16="http://schemas.microsoft.com/office/drawing/2014/main" id="{FC79B1CB-BAEA-4B1B-B03A-8BC751BD7956}"/>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a:extLst>
            <a:ext uri="{FF2B5EF4-FFF2-40B4-BE49-F238E27FC236}">
              <a16:creationId xmlns:a16="http://schemas.microsoft.com/office/drawing/2014/main" id="{5698E199-3CDD-4341-BCEA-EDB45048136E}"/>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a:extLst>
            <a:ext uri="{FF2B5EF4-FFF2-40B4-BE49-F238E27FC236}">
              <a16:creationId xmlns:a16="http://schemas.microsoft.com/office/drawing/2014/main" id="{E3ABF591-87B2-41F7-9A30-EE6B6AB80840}"/>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a:extLst>
            <a:ext uri="{FF2B5EF4-FFF2-40B4-BE49-F238E27FC236}">
              <a16:creationId xmlns:a16="http://schemas.microsoft.com/office/drawing/2014/main" id="{FA635B66-32EF-4A09-B79E-1C0BB0066F12}"/>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a:extLst>
            <a:ext uri="{FF2B5EF4-FFF2-40B4-BE49-F238E27FC236}">
              <a16:creationId xmlns:a16="http://schemas.microsoft.com/office/drawing/2014/main" id="{61C8C3C8-4C89-4344-A828-7D01AF4A996C}"/>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a:extLst>
            <a:ext uri="{FF2B5EF4-FFF2-40B4-BE49-F238E27FC236}">
              <a16:creationId xmlns:a16="http://schemas.microsoft.com/office/drawing/2014/main" id="{D13E0341-2643-40D7-B87D-7DBD750357BB}"/>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a:extLst>
            <a:ext uri="{FF2B5EF4-FFF2-40B4-BE49-F238E27FC236}">
              <a16:creationId xmlns:a16="http://schemas.microsoft.com/office/drawing/2014/main" id="{F72B1714-3FC0-4175-AECA-B10D6C961BA0}"/>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a:extLst>
            <a:ext uri="{FF2B5EF4-FFF2-40B4-BE49-F238E27FC236}">
              <a16:creationId xmlns:a16="http://schemas.microsoft.com/office/drawing/2014/main" id="{106844A2-48B6-4902-A805-0EC04DDD24F5}"/>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a:extLst>
            <a:ext uri="{FF2B5EF4-FFF2-40B4-BE49-F238E27FC236}">
              <a16:creationId xmlns:a16="http://schemas.microsoft.com/office/drawing/2014/main" id="{652B03FF-FCEA-4CB9-AEA5-285152F3430F}"/>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a:extLst>
            <a:ext uri="{FF2B5EF4-FFF2-40B4-BE49-F238E27FC236}">
              <a16:creationId xmlns:a16="http://schemas.microsoft.com/office/drawing/2014/main" id="{6C7481EC-CAD8-40FD-9A43-D1C16BC3D18D}"/>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a:extLst>
            <a:ext uri="{FF2B5EF4-FFF2-40B4-BE49-F238E27FC236}">
              <a16:creationId xmlns:a16="http://schemas.microsoft.com/office/drawing/2014/main" id="{77EE4C2B-78CC-47B4-87C1-D13472B53D64}"/>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a:extLst>
            <a:ext uri="{FF2B5EF4-FFF2-40B4-BE49-F238E27FC236}">
              <a16:creationId xmlns:a16="http://schemas.microsoft.com/office/drawing/2014/main" id="{D370AFD5-CD1B-4701-A860-88374685A79D}"/>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a:extLst>
            <a:ext uri="{FF2B5EF4-FFF2-40B4-BE49-F238E27FC236}">
              <a16:creationId xmlns:a16="http://schemas.microsoft.com/office/drawing/2014/main" id="{D62EC408-8CDD-402D-947C-3373F1176EF5}"/>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a:extLst>
            <a:ext uri="{FF2B5EF4-FFF2-40B4-BE49-F238E27FC236}">
              <a16:creationId xmlns:a16="http://schemas.microsoft.com/office/drawing/2014/main" id="{432112C9-0ECA-44B7-A7B6-D369F22C8A61}"/>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a:extLst>
            <a:ext uri="{FF2B5EF4-FFF2-40B4-BE49-F238E27FC236}">
              <a16:creationId xmlns:a16="http://schemas.microsoft.com/office/drawing/2014/main" id="{EE139EBA-2BBC-46B2-BBE5-84B2647E3C59}"/>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a:extLst>
            <a:ext uri="{FF2B5EF4-FFF2-40B4-BE49-F238E27FC236}">
              <a16:creationId xmlns:a16="http://schemas.microsoft.com/office/drawing/2014/main" id="{E7B2F407-03E4-4E3F-8B4E-CCE3411F97A5}"/>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54973</xdr:rowOff>
    </xdr:from>
    <xdr:to>
      <xdr:col>24</xdr:col>
      <xdr:colOff>62865</xdr:colOff>
      <xdr:row>108</xdr:row>
      <xdr:rowOff>97427</xdr:rowOff>
    </xdr:to>
    <xdr:cxnSp macro="">
      <xdr:nvCxnSpPr>
        <xdr:cNvPr id="404" name="直線コネクタ 403">
          <a:extLst>
            <a:ext uri="{FF2B5EF4-FFF2-40B4-BE49-F238E27FC236}">
              <a16:creationId xmlns:a16="http://schemas.microsoft.com/office/drawing/2014/main" id="{E4B1B766-93D0-4C53-8F92-59FD6EEE31E6}"/>
            </a:ext>
          </a:extLst>
        </xdr:cNvPr>
        <xdr:cNvCxnSpPr/>
      </xdr:nvCxnSpPr>
      <xdr:spPr>
        <a:xfrm flipV="1">
          <a:off x="4634865" y="17199973"/>
          <a:ext cx="0" cy="1414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01254</xdr:rowOff>
    </xdr:from>
    <xdr:ext cx="405111" cy="259045"/>
    <xdr:sp macro="" textlink="">
      <xdr:nvSpPr>
        <xdr:cNvPr id="405" name="【市民会館】&#10;有形固定資産減価償却率最小値テキスト">
          <a:extLst>
            <a:ext uri="{FF2B5EF4-FFF2-40B4-BE49-F238E27FC236}">
              <a16:creationId xmlns:a16="http://schemas.microsoft.com/office/drawing/2014/main" id="{4702B01F-0148-4865-BC9E-B8F0C23AAAAD}"/>
            </a:ext>
          </a:extLst>
        </xdr:cNvPr>
        <xdr:cNvSpPr txBox="1"/>
      </xdr:nvSpPr>
      <xdr:spPr>
        <a:xfrm>
          <a:off x="4673600" y="186178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7427</xdr:rowOff>
    </xdr:from>
    <xdr:to>
      <xdr:col>24</xdr:col>
      <xdr:colOff>152400</xdr:colOff>
      <xdr:row>108</xdr:row>
      <xdr:rowOff>97427</xdr:rowOff>
    </xdr:to>
    <xdr:cxnSp macro="">
      <xdr:nvCxnSpPr>
        <xdr:cNvPr id="406" name="直線コネクタ 405">
          <a:extLst>
            <a:ext uri="{FF2B5EF4-FFF2-40B4-BE49-F238E27FC236}">
              <a16:creationId xmlns:a16="http://schemas.microsoft.com/office/drawing/2014/main" id="{EE9913CB-24C6-42DF-A9AF-0EF23FC956CC}"/>
            </a:ext>
          </a:extLst>
        </xdr:cNvPr>
        <xdr:cNvCxnSpPr/>
      </xdr:nvCxnSpPr>
      <xdr:spPr>
        <a:xfrm>
          <a:off x="4546600" y="186140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650</xdr:rowOff>
    </xdr:from>
    <xdr:ext cx="340478" cy="259045"/>
    <xdr:sp macro="" textlink="">
      <xdr:nvSpPr>
        <xdr:cNvPr id="407" name="【市民会館】&#10;有形固定資産減価償却率最大値テキスト">
          <a:extLst>
            <a:ext uri="{FF2B5EF4-FFF2-40B4-BE49-F238E27FC236}">
              <a16:creationId xmlns:a16="http://schemas.microsoft.com/office/drawing/2014/main" id="{13C6F298-400C-4DE6-8B01-23F679402346}"/>
            </a:ext>
          </a:extLst>
        </xdr:cNvPr>
        <xdr:cNvSpPr txBox="1"/>
      </xdr:nvSpPr>
      <xdr:spPr>
        <a:xfrm>
          <a:off x="4673600" y="169752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54973</xdr:rowOff>
    </xdr:from>
    <xdr:to>
      <xdr:col>24</xdr:col>
      <xdr:colOff>152400</xdr:colOff>
      <xdr:row>100</xdr:row>
      <xdr:rowOff>54973</xdr:rowOff>
    </xdr:to>
    <xdr:cxnSp macro="">
      <xdr:nvCxnSpPr>
        <xdr:cNvPr id="408" name="直線コネクタ 407">
          <a:extLst>
            <a:ext uri="{FF2B5EF4-FFF2-40B4-BE49-F238E27FC236}">
              <a16:creationId xmlns:a16="http://schemas.microsoft.com/office/drawing/2014/main" id="{1C554557-EA0D-483E-A444-1C50DE29C2E3}"/>
            </a:ext>
          </a:extLst>
        </xdr:cNvPr>
        <xdr:cNvCxnSpPr/>
      </xdr:nvCxnSpPr>
      <xdr:spPr>
        <a:xfrm>
          <a:off x="4546600" y="17199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05427</xdr:rowOff>
    </xdr:from>
    <xdr:ext cx="405111" cy="259045"/>
    <xdr:sp macro="" textlink="">
      <xdr:nvSpPr>
        <xdr:cNvPr id="409" name="【市民会館】&#10;有形固定資産減価償却率平均値テキスト">
          <a:extLst>
            <a:ext uri="{FF2B5EF4-FFF2-40B4-BE49-F238E27FC236}">
              <a16:creationId xmlns:a16="http://schemas.microsoft.com/office/drawing/2014/main" id="{4F45A028-D635-48BA-8778-E154DE17D234}"/>
            </a:ext>
          </a:extLst>
        </xdr:cNvPr>
        <xdr:cNvSpPr txBox="1"/>
      </xdr:nvSpPr>
      <xdr:spPr>
        <a:xfrm>
          <a:off x="4673600" y="17764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82550</xdr:rowOff>
    </xdr:from>
    <xdr:to>
      <xdr:col>24</xdr:col>
      <xdr:colOff>114300</xdr:colOff>
      <xdr:row>105</xdr:row>
      <xdr:rowOff>12700</xdr:rowOff>
    </xdr:to>
    <xdr:sp macro="" textlink="">
      <xdr:nvSpPr>
        <xdr:cNvPr id="410" name="フローチャート: 判断 409">
          <a:extLst>
            <a:ext uri="{FF2B5EF4-FFF2-40B4-BE49-F238E27FC236}">
              <a16:creationId xmlns:a16="http://schemas.microsoft.com/office/drawing/2014/main" id="{8850358C-E1CC-4B89-BCBF-D072B4832373}"/>
            </a:ext>
          </a:extLst>
        </xdr:cNvPr>
        <xdr:cNvSpPr/>
      </xdr:nvSpPr>
      <xdr:spPr>
        <a:xfrm>
          <a:off x="45847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9893</xdr:rowOff>
    </xdr:from>
    <xdr:to>
      <xdr:col>20</xdr:col>
      <xdr:colOff>38100</xdr:colOff>
      <xdr:row>104</xdr:row>
      <xdr:rowOff>151493</xdr:rowOff>
    </xdr:to>
    <xdr:sp macro="" textlink="">
      <xdr:nvSpPr>
        <xdr:cNvPr id="411" name="フローチャート: 判断 410">
          <a:extLst>
            <a:ext uri="{FF2B5EF4-FFF2-40B4-BE49-F238E27FC236}">
              <a16:creationId xmlns:a16="http://schemas.microsoft.com/office/drawing/2014/main" id="{EC9E4F5A-16E0-498A-8120-E47BDBE23A52}"/>
            </a:ext>
          </a:extLst>
        </xdr:cNvPr>
        <xdr:cNvSpPr/>
      </xdr:nvSpPr>
      <xdr:spPr>
        <a:xfrm>
          <a:off x="3746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0095</xdr:rowOff>
    </xdr:from>
    <xdr:to>
      <xdr:col>15</xdr:col>
      <xdr:colOff>101600</xdr:colOff>
      <xdr:row>104</xdr:row>
      <xdr:rowOff>141695</xdr:rowOff>
    </xdr:to>
    <xdr:sp macro="" textlink="">
      <xdr:nvSpPr>
        <xdr:cNvPr id="412" name="フローチャート: 判断 411">
          <a:extLst>
            <a:ext uri="{FF2B5EF4-FFF2-40B4-BE49-F238E27FC236}">
              <a16:creationId xmlns:a16="http://schemas.microsoft.com/office/drawing/2014/main" id="{E0B36B6E-A919-4467-A042-8187E6626774}"/>
            </a:ext>
          </a:extLst>
        </xdr:cNvPr>
        <xdr:cNvSpPr/>
      </xdr:nvSpPr>
      <xdr:spPr>
        <a:xfrm>
          <a:off x="28575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6221</xdr:rowOff>
    </xdr:from>
    <xdr:to>
      <xdr:col>10</xdr:col>
      <xdr:colOff>165100</xdr:colOff>
      <xdr:row>104</xdr:row>
      <xdr:rowOff>167821</xdr:rowOff>
    </xdr:to>
    <xdr:sp macro="" textlink="">
      <xdr:nvSpPr>
        <xdr:cNvPr id="413" name="フローチャート: 判断 412">
          <a:extLst>
            <a:ext uri="{FF2B5EF4-FFF2-40B4-BE49-F238E27FC236}">
              <a16:creationId xmlns:a16="http://schemas.microsoft.com/office/drawing/2014/main" id="{2C02FB59-918C-43C5-B2AA-9BE7E4B06F56}"/>
            </a:ext>
          </a:extLst>
        </xdr:cNvPr>
        <xdr:cNvSpPr/>
      </xdr:nvSpPr>
      <xdr:spPr>
        <a:xfrm>
          <a:off x="1968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13574</xdr:rowOff>
    </xdr:from>
    <xdr:to>
      <xdr:col>6</xdr:col>
      <xdr:colOff>38100</xdr:colOff>
      <xdr:row>105</xdr:row>
      <xdr:rowOff>43724</xdr:rowOff>
    </xdr:to>
    <xdr:sp macro="" textlink="">
      <xdr:nvSpPr>
        <xdr:cNvPr id="414" name="フローチャート: 判断 413">
          <a:extLst>
            <a:ext uri="{FF2B5EF4-FFF2-40B4-BE49-F238E27FC236}">
              <a16:creationId xmlns:a16="http://schemas.microsoft.com/office/drawing/2014/main" id="{2AAEB1FD-CFD4-43D5-ACF7-51310738BF8B}"/>
            </a:ext>
          </a:extLst>
        </xdr:cNvPr>
        <xdr:cNvSpPr/>
      </xdr:nvSpPr>
      <xdr:spPr>
        <a:xfrm>
          <a:off x="1079500" y="1794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88A55EED-2061-4C25-9313-54E7A2FF004E}"/>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8AFEAD61-4237-488E-8F9F-C3179A21AA92}"/>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DABBE7F1-4679-4E13-B65B-CD2E5E858AAE}"/>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9B81FA6F-04EC-4057-9E6B-BA34973B67D2}"/>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674F6EA3-1899-4D83-887D-B0FD5C8A6505}"/>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5602</xdr:rowOff>
    </xdr:from>
    <xdr:to>
      <xdr:col>24</xdr:col>
      <xdr:colOff>114300</xdr:colOff>
      <xdr:row>106</xdr:row>
      <xdr:rowOff>117202</xdr:rowOff>
    </xdr:to>
    <xdr:sp macro="" textlink="">
      <xdr:nvSpPr>
        <xdr:cNvPr id="420" name="楕円 419">
          <a:extLst>
            <a:ext uri="{FF2B5EF4-FFF2-40B4-BE49-F238E27FC236}">
              <a16:creationId xmlns:a16="http://schemas.microsoft.com/office/drawing/2014/main" id="{AD50047B-D275-42CC-9BA4-5AD061DF3F9B}"/>
            </a:ext>
          </a:extLst>
        </xdr:cNvPr>
        <xdr:cNvSpPr/>
      </xdr:nvSpPr>
      <xdr:spPr>
        <a:xfrm>
          <a:off x="4584700" y="18189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65479</xdr:rowOff>
    </xdr:from>
    <xdr:ext cx="405111" cy="259045"/>
    <xdr:sp macro="" textlink="">
      <xdr:nvSpPr>
        <xdr:cNvPr id="421" name="【市民会館】&#10;有形固定資産減価償却率該当値テキスト">
          <a:extLst>
            <a:ext uri="{FF2B5EF4-FFF2-40B4-BE49-F238E27FC236}">
              <a16:creationId xmlns:a16="http://schemas.microsoft.com/office/drawing/2014/main" id="{43672B90-AE28-4C80-9141-489CC088A6FB}"/>
            </a:ext>
          </a:extLst>
        </xdr:cNvPr>
        <xdr:cNvSpPr txBox="1"/>
      </xdr:nvSpPr>
      <xdr:spPr>
        <a:xfrm>
          <a:off x="4673600" y="1816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54395</xdr:rowOff>
    </xdr:from>
    <xdr:to>
      <xdr:col>20</xdr:col>
      <xdr:colOff>38100</xdr:colOff>
      <xdr:row>106</xdr:row>
      <xdr:rowOff>84545</xdr:rowOff>
    </xdr:to>
    <xdr:sp macro="" textlink="">
      <xdr:nvSpPr>
        <xdr:cNvPr id="422" name="楕円 421">
          <a:extLst>
            <a:ext uri="{FF2B5EF4-FFF2-40B4-BE49-F238E27FC236}">
              <a16:creationId xmlns:a16="http://schemas.microsoft.com/office/drawing/2014/main" id="{5FAF7A88-1D61-47F0-BCD0-EFFB642DF135}"/>
            </a:ext>
          </a:extLst>
        </xdr:cNvPr>
        <xdr:cNvSpPr/>
      </xdr:nvSpPr>
      <xdr:spPr>
        <a:xfrm>
          <a:off x="3746500" y="1815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33745</xdr:rowOff>
    </xdr:from>
    <xdr:to>
      <xdr:col>24</xdr:col>
      <xdr:colOff>63500</xdr:colOff>
      <xdr:row>106</xdr:row>
      <xdr:rowOff>66402</xdr:rowOff>
    </xdr:to>
    <xdr:cxnSp macro="">
      <xdr:nvCxnSpPr>
        <xdr:cNvPr id="423" name="直線コネクタ 422">
          <a:extLst>
            <a:ext uri="{FF2B5EF4-FFF2-40B4-BE49-F238E27FC236}">
              <a16:creationId xmlns:a16="http://schemas.microsoft.com/office/drawing/2014/main" id="{5D7EA471-E586-4E65-8343-17C8FCA07E3E}"/>
            </a:ext>
          </a:extLst>
        </xdr:cNvPr>
        <xdr:cNvCxnSpPr/>
      </xdr:nvCxnSpPr>
      <xdr:spPr>
        <a:xfrm>
          <a:off x="3797300" y="18207445"/>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38463</xdr:rowOff>
    </xdr:from>
    <xdr:to>
      <xdr:col>15</xdr:col>
      <xdr:colOff>101600</xdr:colOff>
      <xdr:row>106</xdr:row>
      <xdr:rowOff>140063</xdr:rowOff>
    </xdr:to>
    <xdr:sp macro="" textlink="">
      <xdr:nvSpPr>
        <xdr:cNvPr id="424" name="楕円 423">
          <a:extLst>
            <a:ext uri="{FF2B5EF4-FFF2-40B4-BE49-F238E27FC236}">
              <a16:creationId xmlns:a16="http://schemas.microsoft.com/office/drawing/2014/main" id="{A8F19511-77AE-486E-9152-E068BD481A15}"/>
            </a:ext>
          </a:extLst>
        </xdr:cNvPr>
        <xdr:cNvSpPr/>
      </xdr:nvSpPr>
      <xdr:spPr>
        <a:xfrm>
          <a:off x="2857500" y="18212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33745</xdr:rowOff>
    </xdr:from>
    <xdr:to>
      <xdr:col>19</xdr:col>
      <xdr:colOff>177800</xdr:colOff>
      <xdr:row>106</xdr:row>
      <xdr:rowOff>89263</xdr:rowOff>
    </xdr:to>
    <xdr:cxnSp macro="">
      <xdr:nvCxnSpPr>
        <xdr:cNvPr id="425" name="直線コネクタ 424">
          <a:extLst>
            <a:ext uri="{FF2B5EF4-FFF2-40B4-BE49-F238E27FC236}">
              <a16:creationId xmlns:a16="http://schemas.microsoft.com/office/drawing/2014/main" id="{C9178423-5041-4BA2-B78E-DBDBFED5289D}"/>
            </a:ext>
          </a:extLst>
        </xdr:cNvPr>
        <xdr:cNvCxnSpPr/>
      </xdr:nvCxnSpPr>
      <xdr:spPr>
        <a:xfrm flipV="1">
          <a:off x="2908300" y="18207445"/>
          <a:ext cx="8890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59689</xdr:rowOff>
    </xdr:from>
    <xdr:to>
      <xdr:col>10</xdr:col>
      <xdr:colOff>165100</xdr:colOff>
      <xdr:row>106</xdr:row>
      <xdr:rowOff>161289</xdr:rowOff>
    </xdr:to>
    <xdr:sp macro="" textlink="">
      <xdr:nvSpPr>
        <xdr:cNvPr id="426" name="楕円 425">
          <a:extLst>
            <a:ext uri="{FF2B5EF4-FFF2-40B4-BE49-F238E27FC236}">
              <a16:creationId xmlns:a16="http://schemas.microsoft.com/office/drawing/2014/main" id="{38A9D8D1-A47A-4521-BB22-FC32CEA39B3D}"/>
            </a:ext>
          </a:extLst>
        </xdr:cNvPr>
        <xdr:cNvSpPr/>
      </xdr:nvSpPr>
      <xdr:spPr>
        <a:xfrm>
          <a:off x="1968500" y="1823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89263</xdr:rowOff>
    </xdr:from>
    <xdr:to>
      <xdr:col>15</xdr:col>
      <xdr:colOff>50800</xdr:colOff>
      <xdr:row>106</xdr:row>
      <xdr:rowOff>110489</xdr:rowOff>
    </xdr:to>
    <xdr:cxnSp macro="">
      <xdr:nvCxnSpPr>
        <xdr:cNvPr id="427" name="直線コネクタ 426">
          <a:extLst>
            <a:ext uri="{FF2B5EF4-FFF2-40B4-BE49-F238E27FC236}">
              <a16:creationId xmlns:a16="http://schemas.microsoft.com/office/drawing/2014/main" id="{F1CD436D-457B-491C-B4D0-6B46CC8CDD7B}"/>
            </a:ext>
          </a:extLst>
        </xdr:cNvPr>
        <xdr:cNvCxnSpPr/>
      </xdr:nvCxnSpPr>
      <xdr:spPr>
        <a:xfrm flipV="1">
          <a:off x="2019300" y="18262963"/>
          <a:ext cx="889000" cy="21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36830</xdr:rowOff>
    </xdr:from>
    <xdr:to>
      <xdr:col>6</xdr:col>
      <xdr:colOff>38100</xdr:colOff>
      <xdr:row>106</xdr:row>
      <xdr:rowOff>138430</xdr:rowOff>
    </xdr:to>
    <xdr:sp macro="" textlink="">
      <xdr:nvSpPr>
        <xdr:cNvPr id="428" name="楕円 427">
          <a:extLst>
            <a:ext uri="{FF2B5EF4-FFF2-40B4-BE49-F238E27FC236}">
              <a16:creationId xmlns:a16="http://schemas.microsoft.com/office/drawing/2014/main" id="{42BCD0F6-4FE3-4F91-A8F2-1E344B1980B5}"/>
            </a:ext>
          </a:extLst>
        </xdr:cNvPr>
        <xdr:cNvSpPr/>
      </xdr:nvSpPr>
      <xdr:spPr>
        <a:xfrm>
          <a:off x="1079500" y="1821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87630</xdr:rowOff>
    </xdr:from>
    <xdr:to>
      <xdr:col>10</xdr:col>
      <xdr:colOff>114300</xdr:colOff>
      <xdr:row>106</xdr:row>
      <xdr:rowOff>110489</xdr:rowOff>
    </xdr:to>
    <xdr:cxnSp macro="">
      <xdr:nvCxnSpPr>
        <xdr:cNvPr id="429" name="直線コネクタ 428">
          <a:extLst>
            <a:ext uri="{FF2B5EF4-FFF2-40B4-BE49-F238E27FC236}">
              <a16:creationId xmlns:a16="http://schemas.microsoft.com/office/drawing/2014/main" id="{C67D8022-AEB4-453B-BDB3-5111C9725C00}"/>
            </a:ext>
          </a:extLst>
        </xdr:cNvPr>
        <xdr:cNvCxnSpPr/>
      </xdr:nvCxnSpPr>
      <xdr:spPr>
        <a:xfrm>
          <a:off x="1130300" y="1826133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68020</xdr:rowOff>
    </xdr:from>
    <xdr:ext cx="405111" cy="259045"/>
    <xdr:sp macro="" textlink="">
      <xdr:nvSpPr>
        <xdr:cNvPr id="430" name="n_1aveValue【市民会館】&#10;有形固定資産減価償却率">
          <a:extLst>
            <a:ext uri="{FF2B5EF4-FFF2-40B4-BE49-F238E27FC236}">
              <a16:creationId xmlns:a16="http://schemas.microsoft.com/office/drawing/2014/main" id="{3865F474-7C68-4FE7-8F25-20AFD066499B}"/>
            </a:ext>
          </a:extLst>
        </xdr:cNvPr>
        <xdr:cNvSpPr txBox="1"/>
      </xdr:nvSpPr>
      <xdr:spPr>
        <a:xfrm>
          <a:off x="3582044" y="1765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58222</xdr:rowOff>
    </xdr:from>
    <xdr:ext cx="405111" cy="259045"/>
    <xdr:sp macro="" textlink="">
      <xdr:nvSpPr>
        <xdr:cNvPr id="431" name="n_2aveValue【市民会館】&#10;有形固定資産減価償却率">
          <a:extLst>
            <a:ext uri="{FF2B5EF4-FFF2-40B4-BE49-F238E27FC236}">
              <a16:creationId xmlns:a16="http://schemas.microsoft.com/office/drawing/2014/main" id="{698D8310-6DCE-42A6-9F1F-F2A58A8C0935}"/>
            </a:ext>
          </a:extLst>
        </xdr:cNvPr>
        <xdr:cNvSpPr txBox="1"/>
      </xdr:nvSpPr>
      <xdr:spPr>
        <a:xfrm>
          <a:off x="2705744" y="176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2898</xdr:rowOff>
    </xdr:from>
    <xdr:ext cx="405111" cy="259045"/>
    <xdr:sp macro="" textlink="">
      <xdr:nvSpPr>
        <xdr:cNvPr id="432" name="n_3aveValue【市民会館】&#10;有形固定資産減価償却率">
          <a:extLst>
            <a:ext uri="{FF2B5EF4-FFF2-40B4-BE49-F238E27FC236}">
              <a16:creationId xmlns:a16="http://schemas.microsoft.com/office/drawing/2014/main" id="{017B35E3-5863-4097-A4AB-812708B84F83}"/>
            </a:ext>
          </a:extLst>
        </xdr:cNvPr>
        <xdr:cNvSpPr txBox="1"/>
      </xdr:nvSpPr>
      <xdr:spPr>
        <a:xfrm>
          <a:off x="1816744" y="176722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60251</xdr:rowOff>
    </xdr:from>
    <xdr:ext cx="405111" cy="259045"/>
    <xdr:sp macro="" textlink="">
      <xdr:nvSpPr>
        <xdr:cNvPr id="433" name="n_4aveValue【市民会館】&#10;有形固定資産減価償却率">
          <a:extLst>
            <a:ext uri="{FF2B5EF4-FFF2-40B4-BE49-F238E27FC236}">
              <a16:creationId xmlns:a16="http://schemas.microsoft.com/office/drawing/2014/main" id="{03D0A1B6-4605-441C-9B68-E95099BFAD19}"/>
            </a:ext>
          </a:extLst>
        </xdr:cNvPr>
        <xdr:cNvSpPr txBox="1"/>
      </xdr:nvSpPr>
      <xdr:spPr>
        <a:xfrm>
          <a:off x="927744" y="1771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75672</xdr:rowOff>
    </xdr:from>
    <xdr:ext cx="405111" cy="259045"/>
    <xdr:sp macro="" textlink="">
      <xdr:nvSpPr>
        <xdr:cNvPr id="434" name="n_1mainValue【市民会館】&#10;有形固定資産減価償却率">
          <a:extLst>
            <a:ext uri="{FF2B5EF4-FFF2-40B4-BE49-F238E27FC236}">
              <a16:creationId xmlns:a16="http://schemas.microsoft.com/office/drawing/2014/main" id="{A81D2819-B8C1-4DF2-A952-4231D283FA2F}"/>
            </a:ext>
          </a:extLst>
        </xdr:cNvPr>
        <xdr:cNvSpPr txBox="1"/>
      </xdr:nvSpPr>
      <xdr:spPr>
        <a:xfrm>
          <a:off x="3582044" y="1824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31190</xdr:rowOff>
    </xdr:from>
    <xdr:ext cx="405111" cy="259045"/>
    <xdr:sp macro="" textlink="">
      <xdr:nvSpPr>
        <xdr:cNvPr id="435" name="n_2mainValue【市民会館】&#10;有形固定資産減価償却率">
          <a:extLst>
            <a:ext uri="{FF2B5EF4-FFF2-40B4-BE49-F238E27FC236}">
              <a16:creationId xmlns:a16="http://schemas.microsoft.com/office/drawing/2014/main" id="{4003B2AB-D6A7-43DD-9044-09FA836FE6D4}"/>
            </a:ext>
          </a:extLst>
        </xdr:cNvPr>
        <xdr:cNvSpPr txBox="1"/>
      </xdr:nvSpPr>
      <xdr:spPr>
        <a:xfrm>
          <a:off x="2705744" y="18304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52416</xdr:rowOff>
    </xdr:from>
    <xdr:ext cx="405111" cy="259045"/>
    <xdr:sp macro="" textlink="">
      <xdr:nvSpPr>
        <xdr:cNvPr id="436" name="n_3mainValue【市民会館】&#10;有形固定資産減価償却率">
          <a:extLst>
            <a:ext uri="{FF2B5EF4-FFF2-40B4-BE49-F238E27FC236}">
              <a16:creationId xmlns:a16="http://schemas.microsoft.com/office/drawing/2014/main" id="{084C1400-1ED1-4106-B037-826E1EF6EF65}"/>
            </a:ext>
          </a:extLst>
        </xdr:cNvPr>
        <xdr:cNvSpPr txBox="1"/>
      </xdr:nvSpPr>
      <xdr:spPr>
        <a:xfrm>
          <a:off x="1816744" y="18326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129557</xdr:rowOff>
    </xdr:from>
    <xdr:ext cx="405111" cy="259045"/>
    <xdr:sp macro="" textlink="">
      <xdr:nvSpPr>
        <xdr:cNvPr id="437" name="n_4mainValue【市民会館】&#10;有形固定資産減価償却率">
          <a:extLst>
            <a:ext uri="{FF2B5EF4-FFF2-40B4-BE49-F238E27FC236}">
              <a16:creationId xmlns:a16="http://schemas.microsoft.com/office/drawing/2014/main" id="{02AFBB7F-E21E-4E0E-AA05-9395C141D477}"/>
            </a:ext>
          </a:extLst>
        </xdr:cNvPr>
        <xdr:cNvSpPr txBox="1"/>
      </xdr:nvSpPr>
      <xdr:spPr>
        <a:xfrm>
          <a:off x="927744" y="18303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a:extLst>
            <a:ext uri="{FF2B5EF4-FFF2-40B4-BE49-F238E27FC236}">
              <a16:creationId xmlns:a16="http://schemas.microsoft.com/office/drawing/2014/main" id="{D2E9D0C2-8EA1-49BE-AA8D-1E85A0C9F0E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a:extLst>
            <a:ext uri="{FF2B5EF4-FFF2-40B4-BE49-F238E27FC236}">
              <a16:creationId xmlns:a16="http://schemas.microsoft.com/office/drawing/2014/main" id="{026652CD-A718-4F0E-BDFA-23F4AF2953C5}"/>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a:extLst>
            <a:ext uri="{FF2B5EF4-FFF2-40B4-BE49-F238E27FC236}">
              <a16:creationId xmlns:a16="http://schemas.microsoft.com/office/drawing/2014/main" id="{FAFF4E49-DDB4-4E18-BCB9-7F240B72AF3E}"/>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a:extLst>
            <a:ext uri="{FF2B5EF4-FFF2-40B4-BE49-F238E27FC236}">
              <a16:creationId xmlns:a16="http://schemas.microsoft.com/office/drawing/2014/main" id="{8CA8BB64-5485-4614-BAC2-C07A9A139ED3}"/>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a:extLst>
            <a:ext uri="{FF2B5EF4-FFF2-40B4-BE49-F238E27FC236}">
              <a16:creationId xmlns:a16="http://schemas.microsoft.com/office/drawing/2014/main" id="{D29B5ABB-F57E-42DB-A723-EEC9AC0BF39C}"/>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a:extLst>
            <a:ext uri="{FF2B5EF4-FFF2-40B4-BE49-F238E27FC236}">
              <a16:creationId xmlns:a16="http://schemas.microsoft.com/office/drawing/2014/main" id="{5B964582-6E83-4CC9-9662-368C9E832DB9}"/>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a:extLst>
            <a:ext uri="{FF2B5EF4-FFF2-40B4-BE49-F238E27FC236}">
              <a16:creationId xmlns:a16="http://schemas.microsoft.com/office/drawing/2014/main" id="{85123B47-BE55-47E5-9079-752965D5EA1A}"/>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a:extLst>
            <a:ext uri="{FF2B5EF4-FFF2-40B4-BE49-F238E27FC236}">
              <a16:creationId xmlns:a16="http://schemas.microsoft.com/office/drawing/2014/main" id="{C65C9DE3-C94A-4007-9117-4AB60C091199}"/>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a:extLst>
            <a:ext uri="{FF2B5EF4-FFF2-40B4-BE49-F238E27FC236}">
              <a16:creationId xmlns:a16="http://schemas.microsoft.com/office/drawing/2014/main" id="{22059D6C-BFEF-4715-8B3A-25AE5335BCA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a:extLst>
            <a:ext uri="{FF2B5EF4-FFF2-40B4-BE49-F238E27FC236}">
              <a16:creationId xmlns:a16="http://schemas.microsoft.com/office/drawing/2014/main" id="{66300490-F116-4E12-A8EE-E1B035F2F3AD}"/>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a:extLst>
            <a:ext uri="{FF2B5EF4-FFF2-40B4-BE49-F238E27FC236}">
              <a16:creationId xmlns:a16="http://schemas.microsoft.com/office/drawing/2014/main" id="{26BDA2EB-12BE-45D6-9152-72509276A2C1}"/>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9" name="テキスト ボックス 448">
          <a:extLst>
            <a:ext uri="{FF2B5EF4-FFF2-40B4-BE49-F238E27FC236}">
              <a16:creationId xmlns:a16="http://schemas.microsoft.com/office/drawing/2014/main" id="{2F0162E1-93F2-4B9B-BEB5-AD2AA2BC5A75}"/>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a:extLst>
            <a:ext uri="{FF2B5EF4-FFF2-40B4-BE49-F238E27FC236}">
              <a16:creationId xmlns:a16="http://schemas.microsoft.com/office/drawing/2014/main" id="{8E1463E8-400B-432C-8662-6EAB23B84647}"/>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1" name="テキスト ボックス 450">
          <a:extLst>
            <a:ext uri="{FF2B5EF4-FFF2-40B4-BE49-F238E27FC236}">
              <a16:creationId xmlns:a16="http://schemas.microsoft.com/office/drawing/2014/main" id="{6AF8DE51-5E39-4C7C-8A3C-200545767993}"/>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a:extLst>
            <a:ext uri="{FF2B5EF4-FFF2-40B4-BE49-F238E27FC236}">
              <a16:creationId xmlns:a16="http://schemas.microsoft.com/office/drawing/2014/main" id="{59BD2E6C-C918-46B3-AB9F-AD93188E7BFF}"/>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a:extLst>
            <a:ext uri="{FF2B5EF4-FFF2-40B4-BE49-F238E27FC236}">
              <a16:creationId xmlns:a16="http://schemas.microsoft.com/office/drawing/2014/main" id="{BDCF6317-23D4-48CB-91BF-E6613CBF5267}"/>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a:extLst>
            <a:ext uri="{FF2B5EF4-FFF2-40B4-BE49-F238E27FC236}">
              <a16:creationId xmlns:a16="http://schemas.microsoft.com/office/drawing/2014/main" id="{13871D68-E690-4DB6-BBB3-9ECBBC1346A0}"/>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5" name="テキスト ボックス 454">
          <a:extLst>
            <a:ext uri="{FF2B5EF4-FFF2-40B4-BE49-F238E27FC236}">
              <a16:creationId xmlns:a16="http://schemas.microsoft.com/office/drawing/2014/main" id="{BC3A2F18-58D1-4553-80C0-A134E3DDEBCA}"/>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a:extLst>
            <a:ext uri="{FF2B5EF4-FFF2-40B4-BE49-F238E27FC236}">
              <a16:creationId xmlns:a16="http://schemas.microsoft.com/office/drawing/2014/main" id="{6FC6B34B-C7F4-460B-A339-371EC4AEEC90}"/>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7" name="テキスト ボックス 456">
          <a:extLst>
            <a:ext uri="{FF2B5EF4-FFF2-40B4-BE49-F238E27FC236}">
              <a16:creationId xmlns:a16="http://schemas.microsoft.com/office/drawing/2014/main" id="{D597F2C6-F0E5-40ED-B4AB-657EA8CB1E63}"/>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a:extLst>
            <a:ext uri="{FF2B5EF4-FFF2-40B4-BE49-F238E27FC236}">
              <a16:creationId xmlns:a16="http://schemas.microsoft.com/office/drawing/2014/main" id="{FFD604C8-4D88-46B6-917F-22E747312615}"/>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a:extLst>
            <a:ext uri="{FF2B5EF4-FFF2-40B4-BE49-F238E27FC236}">
              <a16:creationId xmlns:a16="http://schemas.microsoft.com/office/drawing/2014/main" id="{4C410E69-EAEF-4377-92E0-E72F33C4FF08}"/>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a:extLst>
            <a:ext uri="{FF2B5EF4-FFF2-40B4-BE49-F238E27FC236}">
              <a16:creationId xmlns:a16="http://schemas.microsoft.com/office/drawing/2014/main" id="{4E79690D-F54F-4CFF-B062-7B1B3646D995}"/>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34289</xdr:rowOff>
    </xdr:from>
    <xdr:to>
      <xdr:col>54</xdr:col>
      <xdr:colOff>189865</xdr:colOff>
      <xdr:row>108</xdr:row>
      <xdr:rowOff>121920</xdr:rowOff>
    </xdr:to>
    <xdr:cxnSp macro="">
      <xdr:nvCxnSpPr>
        <xdr:cNvPr id="461" name="直線コネクタ 460">
          <a:extLst>
            <a:ext uri="{FF2B5EF4-FFF2-40B4-BE49-F238E27FC236}">
              <a16:creationId xmlns:a16="http://schemas.microsoft.com/office/drawing/2014/main" id="{FF8F3242-3657-44F0-8963-EB1371BADCB3}"/>
            </a:ext>
          </a:extLst>
        </xdr:cNvPr>
        <xdr:cNvCxnSpPr/>
      </xdr:nvCxnSpPr>
      <xdr:spPr>
        <a:xfrm flipV="1">
          <a:off x="10476865" y="17350739"/>
          <a:ext cx="0" cy="12877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5747</xdr:rowOff>
    </xdr:from>
    <xdr:ext cx="469744" cy="259045"/>
    <xdr:sp macro="" textlink="">
      <xdr:nvSpPr>
        <xdr:cNvPr id="462" name="【市民会館】&#10;一人当たり面積最小値テキスト">
          <a:extLst>
            <a:ext uri="{FF2B5EF4-FFF2-40B4-BE49-F238E27FC236}">
              <a16:creationId xmlns:a16="http://schemas.microsoft.com/office/drawing/2014/main" id="{0D8C59B2-9350-497A-B4FE-888C9473DA6F}"/>
            </a:ext>
          </a:extLst>
        </xdr:cNvPr>
        <xdr:cNvSpPr txBox="1"/>
      </xdr:nvSpPr>
      <xdr:spPr>
        <a:xfrm>
          <a:off x="10515600" y="1864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1920</xdr:rowOff>
    </xdr:from>
    <xdr:to>
      <xdr:col>55</xdr:col>
      <xdr:colOff>88900</xdr:colOff>
      <xdr:row>108</xdr:row>
      <xdr:rowOff>121920</xdr:rowOff>
    </xdr:to>
    <xdr:cxnSp macro="">
      <xdr:nvCxnSpPr>
        <xdr:cNvPr id="463" name="直線コネクタ 462">
          <a:extLst>
            <a:ext uri="{FF2B5EF4-FFF2-40B4-BE49-F238E27FC236}">
              <a16:creationId xmlns:a16="http://schemas.microsoft.com/office/drawing/2014/main" id="{D6C4AD0B-F9DD-4D32-981F-EC7B01138B18}"/>
            </a:ext>
          </a:extLst>
        </xdr:cNvPr>
        <xdr:cNvCxnSpPr/>
      </xdr:nvCxnSpPr>
      <xdr:spPr>
        <a:xfrm>
          <a:off x="10388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52416</xdr:rowOff>
    </xdr:from>
    <xdr:ext cx="469744" cy="259045"/>
    <xdr:sp macro="" textlink="">
      <xdr:nvSpPr>
        <xdr:cNvPr id="464" name="【市民会館】&#10;一人当たり面積最大値テキスト">
          <a:extLst>
            <a:ext uri="{FF2B5EF4-FFF2-40B4-BE49-F238E27FC236}">
              <a16:creationId xmlns:a16="http://schemas.microsoft.com/office/drawing/2014/main" id="{D9822965-CABE-4DDE-A423-2CB11C7ED812}"/>
            </a:ext>
          </a:extLst>
        </xdr:cNvPr>
        <xdr:cNvSpPr txBox="1"/>
      </xdr:nvSpPr>
      <xdr:spPr>
        <a:xfrm>
          <a:off x="10515600" y="1712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34289</xdr:rowOff>
    </xdr:from>
    <xdr:to>
      <xdr:col>55</xdr:col>
      <xdr:colOff>88900</xdr:colOff>
      <xdr:row>101</xdr:row>
      <xdr:rowOff>34289</xdr:rowOff>
    </xdr:to>
    <xdr:cxnSp macro="">
      <xdr:nvCxnSpPr>
        <xdr:cNvPr id="465" name="直線コネクタ 464">
          <a:extLst>
            <a:ext uri="{FF2B5EF4-FFF2-40B4-BE49-F238E27FC236}">
              <a16:creationId xmlns:a16="http://schemas.microsoft.com/office/drawing/2014/main" id="{57E4F9A3-0E62-4C4B-AB14-F1E453BB631B}"/>
            </a:ext>
          </a:extLst>
        </xdr:cNvPr>
        <xdr:cNvCxnSpPr/>
      </xdr:nvCxnSpPr>
      <xdr:spPr>
        <a:xfrm>
          <a:off x="10388600" y="1735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82566</xdr:rowOff>
    </xdr:from>
    <xdr:ext cx="469744" cy="259045"/>
    <xdr:sp macro="" textlink="">
      <xdr:nvSpPr>
        <xdr:cNvPr id="466" name="【市民会館】&#10;一人当たり面積平均値テキスト">
          <a:extLst>
            <a:ext uri="{FF2B5EF4-FFF2-40B4-BE49-F238E27FC236}">
              <a16:creationId xmlns:a16="http://schemas.microsoft.com/office/drawing/2014/main" id="{225BF93F-A169-43EE-B423-899EF3789F78}"/>
            </a:ext>
          </a:extLst>
        </xdr:cNvPr>
        <xdr:cNvSpPr txBox="1"/>
      </xdr:nvSpPr>
      <xdr:spPr>
        <a:xfrm>
          <a:off x="10515600" y="17913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9689</xdr:rowOff>
    </xdr:from>
    <xdr:to>
      <xdr:col>55</xdr:col>
      <xdr:colOff>50800</xdr:colOff>
      <xdr:row>105</xdr:row>
      <xdr:rowOff>161289</xdr:rowOff>
    </xdr:to>
    <xdr:sp macro="" textlink="">
      <xdr:nvSpPr>
        <xdr:cNvPr id="467" name="フローチャート: 判断 466">
          <a:extLst>
            <a:ext uri="{FF2B5EF4-FFF2-40B4-BE49-F238E27FC236}">
              <a16:creationId xmlns:a16="http://schemas.microsoft.com/office/drawing/2014/main" id="{0225AA63-2217-4AE5-B000-6634679982CB}"/>
            </a:ext>
          </a:extLst>
        </xdr:cNvPr>
        <xdr:cNvSpPr/>
      </xdr:nvSpPr>
      <xdr:spPr>
        <a:xfrm>
          <a:off x="10426700" y="1806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90170</xdr:rowOff>
    </xdr:from>
    <xdr:to>
      <xdr:col>50</xdr:col>
      <xdr:colOff>165100</xdr:colOff>
      <xdr:row>106</xdr:row>
      <xdr:rowOff>20320</xdr:rowOff>
    </xdr:to>
    <xdr:sp macro="" textlink="">
      <xdr:nvSpPr>
        <xdr:cNvPr id="468" name="フローチャート: 判断 467">
          <a:extLst>
            <a:ext uri="{FF2B5EF4-FFF2-40B4-BE49-F238E27FC236}">
              <a16:creationId xmlns:a16="http://schemas.microsoft.com/office/drawing/2014/main" id="{EAEC5B66-47D5-466B-A62E-B3534B948532}"/>
            </a:ext>
          </a:extLst>
        </xdr:cNvPr>
        <xdr:cNvSpPr/>
      </xdr:nvSpPr>
      <xdr:spPr>
        <a:xfrm>
          <a:off x="9588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13030</xdr:rowOff>
    </xdr:from>
    <xdr:to>
      <xdr:col>46</xdr:col>
      <xdr:colOff>38100</xdr:colOff>
      <xdr:row>106</xdr:row>
      <xdr:rowOff>43180</xdr:rowOff>
    </xdr:to>
    <xdr:sp macro="" textlink="">
      <xdr:nvSpPr>
        <xdr:cNvPr id="469" name="フローチャート: 判断 468">
          <a:extLst>
            <a:ext uri="{FF2B5EF4-FFF2-40B4-BE49-F238E27FC236}">
              <a16:creationId xmlns:a16="http://schemas.microsoft.com/office/drawing/2014/main" id="{17B989E1-D09F-49E6-B1AB-673E16D0392F}"/>
            </a:ext>
          </a:extLst>
        </xdr:cNvPr>
        <xdr:cNvSpPr/>
      </xdr:nvSpPr>
      <xdr:spPr>
        <a:xfrm>
          <a:off x="8699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35889</xdr:rowOff>
    </xdr:from>
    <xdr:to>
      <xdr:col>41</xdr:col>
      <xdr:colOff>101600</xdr:colOff>
      <xdr:row>106</xdr:row>
      <xdr:rowOff>66039</xdr:rowOff>
    </xdr:to>
    <xdr:sp macro="" textlink="">
      <xdr:nvSpPr>
        <xdr:cNvPr id="470" name="フローチャート: 判断 469">
          <a:extLst>
            <a:ext uri="{FF2B5EF4-FFF2-40B4-BE49-F238E27FC236}">
              <a16:creationId xmlns:a16="http://schemas.microsoft.com/office/drawing/2014/main" id="{6CB882A7-0D5B-4BAE-B257-9E9BCAF68874}"/>
            </a:ext>
          </a:extLst>
        </xdr:cNvPr>
        <xdr:cNvSpPr/>
      </xdr:nvSpPr>
      <xdr:spPr>
        <a:xfrm>
          <a:off x="7810500" y="1813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43511</xdr:rowOff>
    </xdr:from>
    <xdr:to>
      <xdr:col>36</xdr:col>
      <xdr:colOff>165100</xdr:colOff>
      <xdr:row>106</xdr:row>
      <xdr:rowOff>73661</xdr:rowOff>
    </xdr:to>
    <xdr:sp macro="" textlink="">
      <xdr:nvSpPr>
        <xdr:cNvPr id="471" name="フローチャート: 判断 470">
          <a:extLst>
            <a:ext uri="{FF2B5EF4-FFF2-40B4-BE49-F238E27FC236}">
              <a16:creationId xmlns:a16="http://schemas.microsoft.com/office/drawing/2014/main" id="{1E10055A-9F7D-46BC-857B-9959A15A8012}"/>
            </a:ext>
          </a:extLst>
        </xdr:cNvPr>
        <xdr:cNvSpPr/>
      </xdr:nvSpPr>
      <xdr:spPr>
        <a:xfrm>
          <a:off x="6921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73B98D8A-4B6E-4A26-84C8-BE0E0E37C8C9}"/>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77E6C21D-8D8A-4903-961C-4FDC4D5BB24C}"/>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9EFF0D89-B92B-4DAF-8770-236021DBC3D5}"/>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E05D9467-B35C-4D0F-9897-C9CC27127DEA}"/>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7D9FED30-B01E-4287-8645-96CC85DCE321}"/>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52070</xdr:rowOff>
    </xdr:from>
    <xdr:to>
      <xdr:col>55</xdr:col>
      <xdr:colOff>50800</xdr:colOff>
      <xdr:row>107</xdr:row>
      <xdr:rowOff>153670</xdr:rowOff>
    </xdr:to>
    <xdr:sp macro="" textlink="">
      <xdr:nvSpPr>
        <xdr:cNvPr id="477" name="楕円 476">
          <a:extLst>
            <a:ext uri="{FF2B5EF4-FFF2-40B4-BE49-F238E27FC236}">
              <a16:creationId xmlns:a16="http://schemas.microsoft.com/office/drawing/2014/main" id="{7A0E7CE2-F93E-429C-B040-AC9FCDA24FFF}"/>
            </a:ext>
          </a:extLst>
        </xdr:cNvPr>
        <xdr:cNvSpPr/>
      </xdr:nvSpPr>
      <xdr:spPr>
        <a:xfrm>
          <a:off x="104267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30497</xdr:rowOff>
    </xdr:from>
    <xdr:ext cx="469744" cy="259045"/>
    <xdr:sp macro="" textlink="">
      <xdr:nvSpPr>
        <xdr:cNvPr id="478" name="【市民会館】&#10;一人当たり面積該当値テキスト">
          <a:extLst>
            <a:ext uri="{FF2B5EF4-FFF2-40B4-BE49-F238E27FC236}">
              <a16:creationId xmlns:a16="http://schemas.microsoft.com/office/drawing/2014/main" id="{67D19C12-5605-4516-B57D-C188036A079A}"/>
            </a:ext>
          </a:extLst>
        </xdr:cNvPr>
        <xdr:cNvSpPr txBox="1"/>
      </xdr:nvSpPr>
      <xdr:spPr>
        <a:xfrm>
          <a:off x="10515600"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52070</xdr:rowOff>
    </xdr:from>
    <xdr:to>
      <xdr:col>50</xdr:col>
      <xdr:colOff>165100</xdr:colOff>
      <xdr:row>107</xdr:row>
      <xdr:rowOff>153670</xdr:rowOff>
    </xdr:to>
    <xdr:sp macro="" textlink="">
      <xdr:nvSpPr>
        <xdr:cNvPr id="479" name="楕円 478">
          <a:extLst>
            <a:ext uri="{FF2B5EF4-FFF2-40B4-BE49-F238E27FC236}">
              <a16:creationId xmlns:a16="http://schemas.microsoft.com/office/drawing/2014/main" id="{B8BB2377-2FCF-4BB9-B843-2DF368362D4B}"/>
            </a:ext>
          </a:extLst>
        </xdr:cNvPr>
        <xdr:cNvSpPr/>
      </xdr:nvSpPr>
      <xdr:spPr>
        <a:xfrm>
          <a:off x="9588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02870</xdr:rowOff>
    </xdr:from>
    <xdr:to>
      <xdr:col>55</xdr:col>
      <xdr:colOff>0</xdr:colOff>
      <xdr:row>107</xdr:row>
      <xdr:rowOff>102870</xdr:rowOff>
    </xdr:to>
    <xdr:cxnSp macro="">
      <xdr:nvCxnSpPr>
        <xdr:cNvPr id="480" name="直線コネクタ 479">
          <a:extLst>
            <a:ext uri="{FF2B5EF4-FFF2-40B4-BE49-F238E27FC236}">
              <a16:creationId xmlns:a16="http://schemas.microsoft.com/office/drawing/2014/main" id="{23142FE9-E3E7-460B-9C43-9DF87C0FC1FE}"/>
            </a:ext>
          </a:extLst>
        </xdr:cNvPr>
        <xdr:cNvCxnSpPr/>
      </xdr:nvCxnSpPr>
      <xdr:spPr>
        <a:xfrm>
          <a:off x="9639300" y="184480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52070</xdr:rowOff>
    </xdr:from>
    <xdr:to>
      <xdr:col>46</xdr:col>
      <xdr:colOff>38100</xdr:colOff>
      <xdr:row>107</xdr:row>
      <xdr:rowOff>153670</xdr:rowOff>
    </xdr:to>
    <xdr:sp macro="" textlink="">
      <xdr:nvSpPr>
        <xdr:cNvPr id="481" name="楕円 480">
          <a:extLst>
            <a:ext uri="{FF2B5EF4-FFF2-40B4-BE49-F238E27FC236}">
              <a16:creationId xmlns:a16="http://schemas.microsoft.com/office/drawing/2014/main" id="{D56055D1-F49E-451E-93AA-A0531DE4B750}"/>
            </a:ext>
          </a:extLst>
        </xdr:cNvPr>
        <xdr:cNvSpPr/>
      </xdr:nvSpPr>
      <xdr:spPr>
        <a:xfrm>
          <a:off x="8699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02870</xdr:rowOff>
    </xdr:from>
    <xdr:to>
      <xdr:col>50</xdr:col>
      <xdr:colOff>114300</xdr:colOff>
      <xdr:row>107</xdr:row>
      <xdr:rowOff>102870</xdr:rowOff>
    </xdr:to>
    <xdr:cxnSp macro="">
      <xdr:nvCxnSpPr>
        <xdr:cNvPr id="482" name="直線コネクタ 481">
          <a:extLst>
            <a:ext uri="{FF2B5EF4-FFF2-40B4-BE49-F238E27FC236}">
              <a16:creationId xmlns:a16="http://schemas.microsoft.com/office/drawing/2014/main" id="{44CBDC99-F889-4F08-9D70-B47446B85D96}"/>
            </a:ext>
          </a:extLst>
        </xdr:cNvPr>
        <xdr:cNvCxnSpPr/>
      </xdr:nvCxnSpPr>
      <xdr:spPr>
        <a:xfrm>
          <a:off x="8750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52070</xdr:rowOff>
    </xdr:from>
    <xdr:to>
      <xdr:col>41</xdr:col>
      <xdr:colOff>101600</xdr:colOff>
      <xdr:row>107</xdr:row>
      <xdr:rowOff>153670</xdr:rowOff>
    </xdr:to>
    <xdr:sp macro="" textlink="">
      <xdr:nvSpPr>
        <xdr:cNvPr id="483" name="楕円 482">
          <a:extLst>
            <a:ext uri="{FF2B5EF4-FFF2-40B4-BE49-F238E27FC236}">
              <a16:creationId xmlns:a16="http://schemas.microsoft.com/office/drawing/2014/main" id="{ED60CD51-80E0-4C6D-9A68-270F0414AEC0}"/>
            </a:ext>
          </a:extLst>
        </xdr:cNvPr>
        <xdr:cNvSpPr/>
      </xdr:nvSpPr>
      <xdr:spPr>
        <a:xfrm>
          <a:off x="7810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02870</xdr:rowOff>
    </xdr:from>
    <xdr:to>
      <xdr:col>45</xdr:col>
      <xdr:colOff>177800</xdr:colOff>
      <xdr:row>107</xdr:row>
      <xdr:rowOff>102870</xdr:rowOff>
    </xdr:to>
    <xdr:cxnSp macro="">
      <xdr:nvCxnSpPr>
        <xdr:cNvPr id="484" name="直線コネクタ 483">
          <a:extLst>
            <a:ext uri="{FF2B5EF4-FFF2-40B4-BE49-F238E27FC236}">
              <a16:creationId xmlns:a16="http://schemas.microsoft.com/office/drawing/2014/main" id="{16FD200F-1D3A-4599-9DAD-4AF414815D8D}"/>
            </a:ext>
          </a:extLst>
        </xdr:cNvPr>
        <xdr:cNvCxnSpPr/>
      </xdr:nvCxnSpPr>
      <xdr:spPr>
        <a:xfrm>
          <a:off x="7861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52070</xdr:rowOff>
    </xdr:from>
    <xdr:to>
      <xdr:col>36</xdr:col>
      <xdr:colOff>165100</xdr:colOff>
      <xdr:row>107</xdr:row>
      <xdr:rowOff>153670</xdr:rowOff>
    </xdr:to>
    <xdr:sp macro="" textlink="">
      <xdr:nvSpPr>
        <xdr:cNvPr id="485" name="楕円 484">
          <a:extLst>
            <a:ext uri="{FF2B5EF4-FFF2-40B4-BE49-F238E27FC236}">
              <a16:creationId xmlns:a16="http://schemas.microsoft.com/office/drawing/2014/main" id="{5E2750B2-EF51-488A-8B9F-946B7942070A}"/>
            </a:ext>
          </a:extLst>
        </xdr:cNvPr>
        <xdr:cNvSpPr/>
      </xdr:nvSpPr>
      <xdr:spPr>
        <a:xfrm>
          <a:off x="6921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02870</xdr:rowOff>
    </xdr:from>
    <xdr:to>
      <xdr:col>41</xdr:col>
      <xdr:colOff>50800</xdr:colOff>
      <xdr:row>107</xdr:row>
      <xdr:rowOff>102870</xdr:rowOff>
    </xdr:to>
    <xdr:cxnSp macro="">
      <xdr:nvCxnSpPr>
        <xdr:cNvPr id="486" name="直線コネクタ 485">
          <a:extLst>
            <a:ext uri="{FF2B5EF4-FFF2-40B4-BE49-F238E27FC236}">
              <a16:creationId xmlns:a16="http://schemas.microsoft.com/office/drawing/2014/main" id="{5B31EA1C-74F9-4715-B7E0-D9C8E2B3A9C6}"/>
            </a:ext>
          </a:extLst>
        </xdr:cNvPr>
        <xdr:cNvCxnSpPr/>
      </xdr:nvCxnSpPr>
      <xdr:spPr>
        <a:xfrm>
          <a:off x="6972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36847</xdr:rowOff>
    </xdr:from>
    <xdr:ext cx="469744" cy="259045"/>
    <xdr:sp macro="" textlink="">
      <xdr:nvSpPr>
        <xdr:cNvPr id="487" name="n_1aveValue【市民会館】&#10;一人当たり面積">
          <a:extLst>
            <a:ext uri="{FF2B5EF4-FFF2-40B4-BE49-F238E27FC236}">
              <a16:creationId xmlns:a16="http://schemas.microsoft.com/office/drawing/2014/main" id="{A85D12A2-B09E-4B37-B413-E481346CCC4A}"/>
            </a:ext>
          </a:extLst>
        </xdr:cNvPr>
        <xdr:cNvSpPr txBox="1"/>
      </xdr:nvSpPr>
      <xdr:spPr>
        <a:xfrm>
          <a:off x="9391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59707</xdr:rowOff>
    </xdr:from>
    <xdr:ext cx="469744" cy="259045"/>
    <xdr:sp macro="" textlink="">
      <xdr:nvSpPr>
        <xdr:cNvPr id="488" name="n_2aveValue【市民会館】&#10;一人当たり面積">
          <a:extLst>
            <a:ext uri="{FF2B5EF4-FFF2-40B4-BE49-F238E27FC236}">
              <a16:creationId xmlns:a16="http://schemas.microsoft.com/office/drawing/2014/main" id="{6D7D7E8D-F16F-4A81-9CA2-C433F045CEBB}"/>
            </a:ext>
          </a:extLst>
        </xdr:cNvPr>
        <xdr:cNvSpPr txBox="1"/>
      </xdr:nvSpPr>
      <xdr:spPr>
        <a:xfrm>
          <a:off x="8515427" y="178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82566</xdr:rowOff>
    </xdr:from>
    <xdr:ext cx="469744" cy="259045"/>
    <xdr:sp macro="" textlink="">
      <xdr:nvSpPr>
        <xdr:cNvPr id="489" name="n_3aveValue【市民会館】&#10;一人当たり面積">
          <a:extLst>
            <a:ext uri="{FF2B5EF4-FFF2-40B4-BE49-F238E27FC236}">
              <a16:creationId xmlns:a16="http://schemas.microsoft.com/office/drawing/2014/main" id="{F6B8D6F8-066B-4AD5-9ADF-33F4DF09904E}"/>
            </a:ext>
          </a:extLst>
        </xdr:cNvPr>
        <xdr:cNvSpPr txBox="1"/>
      </xdr:nvSpPr>
      <xdr:spPr>
        <a:xfrm>
          <a:off x="7626427" y="1791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90188</xdr:rowOff>
    </xdr:from>
    <xdr:ext cx="469744" cy="259045"/>
    <xdr:sp macro="" textlink="">
      <xdr:nvSpPr>
        <xdr:cNvPr id="490" name="n_4aveValue【市民会館】&#10;一人当たり面積">
          <a:extLst>
            <a:ext uri="{FF2B5EF4-FFF2-40B4-BE49-F238E27FC236}">
              <a16:creationId xmlns:a16="http://schemas.microsoft.com/office/drawing/2014/main" id="{E6EA5905-C6A5-41D6-81A5-2C7A32380D18}"/>
            </a:ext>
          </a:extLst>
        </xdr:cNvPr>
        <xdr:cNvSpPr txBox="1"/>
      </xdr:nvSpPr>
      <xdr:spPr>
        <a:xfrm>
          <a:off x="6737427" y="1792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44797</xdr:rowOff>
    </xdr:from>
    <xdr:ext cx="469744" cy="259045"/>
    <xdr:sp macro="" textlink="">
      <xdr:nvSpPr>
        <xdr:cNvPr id="491" name="n_1mainValue【市民会館】&#10;一人当たり面積">
          <a:extLst>
            <a:ext uri="{FF2B5EF4-FFF2-40B4-BE49-F238E27FC236}">
              <a16:creationId xmlns:a16="http://schemas.microsoft.com/office/drawing/2014/main" id="{0ACE7BC0-9146-4A84-9F39-C130AD16DFB2}"/>
            </a:ext>
          </a:extLst>
        </xdr:cNvPr>
        <xdr:cNvSpPr txBox="1"/>
      </xdr:nvSpPr>
      <xdr:spPr>
        <a:xfrm>
          <a:off x="93917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44797</xdr:rowOff>
    </xdr:from>
    <xdr:ext cx="469744" cy="259045"/>
    <xdr:sp macro="" textlink="">
      <xdr:nvSpPr>
        <xdr:cNvPr id="492" name="n_2mainValue【市民会館】&#10;一人当たり面積">
          <a:extLst>
            <a:ext uri="{FF2B5EF4-FFF2-40B4-BE49-F238E27FC236}">
              <a16:creationId xmlns:a16="http://schemas.microsoft.com/office/drawing/2014/main" id="{B994D033-A145-4C6E-A5B7-CB110D415657}"/>
            </a:ext>
          </a:extLst>
        </xdr:cNvPr>
        <xdr:cNvSpPr txBox="1"/>
      </xdr:nvSpPr>
      <xdr:spPr>
        <a:xfrm>
          <a:off x="8515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44797</xdr:rowOff>
    </xdr:from>
    <xdr:ext cx="469744" cy="259045"/>
    <xdr:sp macro="" textlink="">
      <xdr:nvSpPr>
        <xdr:cNvPr id="493" name="n_3mainValue【市民会館】&#10;一人当たり面積">
          <a:extLst>
            <a:ext uri="{FF2B5EF4-FFF2-40B4-BE49-F238E27FC236}">
              <a16:creationId xmlns:a16="http://schemas.microsoft.com/office/drawing/2014/main" id="{7B7DF1F0-D71B-4FA2-B60A-75A36F787706}"/>
            </a:ext>
          </a:extLst>
        </xdr:cNvPr>
        <xdr:cNvSpPr txBox="1"/>
      </xdr:nvSpPr>
      <xdr:spPr>
        <a:xfrm>
          <a:off x="7626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44797</xdr:rowOff>
    </xdr:from>
    <xdr:ext cx="469744" cy="259045"/>
    <xdr:sp macro="" textlink="">
      <xdr:nvSpPr>
        <xdr:cNvPr id="494" name="n_4mainValue【市民会館】&#10;一人当たり面積">
          <a:extLst>
            <a:ext uri="{FF2B5EF4-FFF2-40B4-BE49-F238E27FC236}">
              <a16:creationId xmlns:a16="http://schemas.microsoft.com/office/drawing/2014/main" id="{86BD2D27-90E7-4780-92D1-88423DAED26F}"/>
            </a:ext>
          </a:extLst>
        </xdr:cNvPr>
        <xdr:cNvSpPr txBox="1"/>
      </xdr:nvSpPr>
      <xdr:spPr>
        <a:xfrm>
          <a:off x="6737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a:extLst>
            <a:ext uri="{FF2B5EF4-FFF2-40B4-BE49-F238E27FC236}">
              <a16:creationId xmlns:a16="http://schemas.microsoft.com/office/drawing/2014/main" id="{0105E79C-4B8B-42DB-95A2-A43F65D309E8}"/>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a:extLst>
            <a:ext uri="{FF2B5EF4-FFF2-40B4-BE49-F238E27FC236}">
              <a16:creationId xmlns:a16="http://schemas.microsoft.com/office/drawing/2014/main" id="{0EEFE656-4E5D-4462-B653-DB688BCC5303}"/>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a:extLst>
            <a:ext uri="{FF2B5EF4-FFF2-40B4-BE49-F238E27FC236}">
              <a16:creationId xmlns:a16="http://schemas.microsoft.com/office/drawing/2014/main" id="{588A938F-3B81-4C2F-A6BA-D07A5402711B}"/>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a:extLst>
            <a:ext uri="{FF2B5EF4-FFF2-40B4-BE49-F238E27FC236}">
              <a16:creationId xmlns:a16="http://schemas.microsoft.com/office/drawing/2014/main" id="{F59F5B8E-146C-4F56-AD2A-BDA90E75BA65}"/>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a:extLst>
            <a:ext uri="{FF2B5EF4-FFF2-40B4-BE49-F238E27FC236}">
              <a16:creationId xmlns:a16="http://schemas.microsoft.com/office/drawing/2014/main" id="{06E60007-B636-498F-9D7E-BF65CC93720E}"/>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a:extLst>
            <a:ext uri="{FF2B5EF4-FFF2-40B4-BE49-F238E27FC236}">
              <a16:creationId xmlns:a16="http://schemas.microsoft.com/office/drawing/2014/main" id="{B9A7FF70-F12F-4DEF-AAB9-3F1294A69BC3}"/>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a:extLst>
            <a:ext uri="{FF2B5EF4-FFF2-40B4-BE49-F238E27FC236}">
              <a16:creationId xmlns:a16="http://schemas.microsoft.com/office/drawing/2014/main" id="{C1E10BA2-79E7-43D5-8C9D-72EE4A08C28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a:extLst>
            <a:ext uri="{FF2B5EF4-FFF2-40B4-BE49-F238E27FC236}">
              <a16:creationId xmlns:a16="http://schemas.microsoft.com/office/drawing/2014/main" id="{E4961825-E878-40FC-8866-45F728FB7F3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a:extLst>
            <a:ext uri="{FF2B5EF4-FFF2-40B4-BE49-F238E27FC236}">
              <a16:creationId xmlns:a16="http://schemas.microsoft.com/office/drawing/2014/main" id="{1CB67B15-51E1-4F0D-B4F9-54027CC00BDC}"/>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a:extLst>
            <a:ext uri="{FF2B5EF4-FFF2-40B4-BE49-F238E27FC236}">
              <a16:creationId xmlns:a16="http://schemas.microsoft.com/office/drawing/2014/main" id="{1F927F58-8FE6-4E57-B230-0827F7EABA28}"/>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a:extLst>
            <a:ext uri="{FF2B5EF4-FFF2-40B4-BE49-F238E27FC236}">
              <a16:creationId xmlns:a16="http://schemas.microsoft.com/office/drawing/2014/main" id="{BEA40FEB-5DC5-4D21-BF3F-D12689966034}"/>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6" name="直線コネクタ 505">
          <a:extLst>
            <a:ext uri="{FF2B5EF4-FFF2-40B4-BE49-F238E27FC236}">
              <a16:creationId xmlns:a16="http://schemas.microsoft.com/office/drawing/2014/main" id="{BD8D3FC4-18E2-46BD-B538-7BDDBD67370F}"/>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7" name="テキスト ボックス 506">
          <a:extLst>
            <a:ext uri="{FF2B5EF4-FFF2-40B4-BE49-F238E27FC236}">
              <a16:creationId xmlns:a16="http://schemas.microsoft.com/office/drawing/2014/main" id="{D18006A7-D249-4687-9BA7-11BF72A665A1}"/>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8" name="直線コネクタ 507">
          <a:extLst>
            <a:ext uri="{FF2B5EF4-FFF2-40B4-BE49-F238E27FC236}">
              <a16:creationId xmlns:a16="http://schemas.microsoft.com/office/drawing/2014/main" id="{04DF2DF9-540A-49E7-81D6-CCCB89FB2E8F}"/>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9" name="テキスト ボックス 508">
          <a:extLst>
            <a:ext uri="{FF2B5EF4-FFF2-40B4-BE49-F238E27FC236}">
              <a16:creationId xmlns:a16="http://schemas.microsoft.com/office/drawing/2014/main" id="{85CAB53D-2B1A-4713-AF23-02C32AFD6A91}"/>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0" name="直線コネクタ 509">
          <a:extLst>
            <a:ext uri="{FF2B5EF4-FFF2-40B4-BE49-F238E27FC236}">
              <a16:creationId xmlns:a16="http://schemas.microsoft.com/office/drawing/2014/main" id="{C2DBEBE8-B73B-45B8-A8D6-35A5173DAA49}"/>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1" name="テキスト ボックス 510">
          <a:extLst>
            <a:ext uri="{FF2B5EF4-FFF2-40B4-BE49-F238E27FC236}">
              <a16:creationId xmlns:a16="http://schemas.microsoft.com/office/drawing/2014/main" id="{8C952583-6CD1-48EB-89E8-199792AACC30}"/>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2" name="直線コネクタ 511">
          <a:extLst>
            <a:ext uri="{FF2B5EF4-FFF2-40B4-BE49-F238E27FC236}">
              <a16:creationId xmlns:a16="http://schemas.microsoft.com/office/drawing/2014/main" id="{72FE1D99-4A98-42B5-BB00-2DF31894BA1A}"/>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3" name="テキスト ボックス 512">
          <a:extLst>
            <a:ext uri="{FF2B5EF4-FFF2-40B4-BE49-F238E27FC236}">
              <a16:creationId xmlns:a16="http://schemas.microsoft.com/office/drawing/2014/main" id="{71B164BC-A783-4149-8EEA-520029B15339}"/>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4" name="直線コネクタ 513">
          <a:extLst>
            <a:ext uri="{FF2B5EF4-FFF2-40B4-BE49-F238E27FC236}">
              <a16:creationId xmlns:a16="http://schemas.microsoft.com/office/drawing/2014/main" id="{66B338B1-DE09-4B8D-9EDC-E0E9AF68BB50}"/>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5" name="テキスト ボックス 514">
          <a:extLst>
            <a:ext uri="{FF2B5EF4-FFF2-40B4-BE49-F238E27FC236}">
              <a16:creationId xmlns:a16="http://schemas.microsoft.com/office/drawing/2014/main" id="{BFCCF698-F5D1-41DF-8C46-7D4F688DDAE8}"/>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a:extLst>
            <a:ext uri="{FF2B5EF4-FFF2-40B4-BE49-F238E27FC236}">
              <a16:creationId xmlns:a16="http://schemas.microsoft.com/office/drawing/2014/main" id="{06DB88A0-F5A8-49AD-BE5B-AEEE952FDF6E}"/>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7" name="テキスト ボックス 516">
          <a:extLst>
            <a:ext uri="{FF2B5EF4-FFF2-40B4-BE49-F238E27FC236}">
              <a16:creationId xmlns:a16="http://schemas.microsoft.com/office/drawing/2014/main" id="{B61AC18F-EB4A-4890-8A9F-AD69733E397A}"/>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a:extLst>
            <a:ext uri="{FF2B5EF4-FFF2-40B4-BE49-F238E27FC236}">
              <a16:creationId xmlns:a16="http://schemas.microsoft.com/office/drawing/2014/main" id="{602FF127-AF81-4E48-BAEA-22A7B7FCE5EE}"/>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21920</xdr:rowOff>
    </xdr:from>
    <xdr:to>
      <xdr:col>85</xdr:col>
      <xdr:colOff>126364</xdr:colOff>
      <xdr:row>41</xdr:row>
      <xdr:rowOff>161925</xdr:rowOff>
    </xdr:to>
    <xdr:cxnSp macro="">
      <xdr:nvCxnSpPr>
        <xdr:cNvPr id="519" name="直線コネクタ 518">
          <a:extLst>
            <a:ext uri="{FF2B5EF4-FFF2-40B4-BE49-F238E27FC236}">
              <a16:creationId xmlns:a16="http://schemas.microsoft.com/office/drawing/2014/main" id="{EBC5A733-8A35-4C28-A1C9-9B37CB720D5E}"/>
            </a:ext>
          </a:extLst>
        </xdr:cNvPr>
        <xdr:cNvCxnSpPr/>
      </xdr:nvCxnSpPr>
      <xdr:spPr>
        <a:xfrm flipV="1">
          <a:off x="16318864" y="5608320"/>
          <a:ext cx="0" cy="1583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5752</xdr:rowOff>
    </xdr:from>
    <xdr:ext cx="405111" cy="259045"/>
    <xdr:sp macro="" textlink="">
      <xdr:nvSpPr>
        <xdr:cNvPr id="520" name="【一般廃棄物処理施設】&#10;有形固定資産減価償却率最小値テキスト">
          <a:extLst>
            <a:ext uri="{FF2B5EF4-FFF2-40B4-BE49-F238E27FC236}">
              <a16:creationId xmlns:a16="http://schemas.microsoft.com/office/drawing/2014/main" id="{E431F546-2085-45F9-9821-3D47CBAFCCA4}"/>
            </a:ext>
          </a:extLst>
        </xdr:cNvPr>
        <xdr:cNvSpPr txBox="1"/>
      </xdr:nvSpPr>
      <xdr:spPr>
        <a:xfrm>
          <a:off x="16357600" y="719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61925</xdr:rowOff>
    </xdr:from>
    <xdr:to>
      <xdr:col>86</xdr:col>
      <xdr:colOff>25400</xdr:colOff>
      <xdr:row>41</xdr:row>
      <xdr:rowOff>161925</xdr:rowOff>
    </xdr:to>
    <xdr:cxnSp macro="">
      <xdr:nvCxnSpPr>
        <xdr:cNvPr id="521" name="直線コネクタ 520">
          <a:extLst>
            <a:ext uri="{FF2B5EF4-FFF2-40B4-BE49-F238E27FC236}">
              <a16:creationId xmlns:a16="http://schemas.microsoft.com/office/drawing/2014/main" id="{D913F14B-3ED9-4B2B-9965-523F5E980E42}"/>
            </a:ext>
          </a:extLst>
        </xdr:cNvPr>
        <xdr:cNvCxnSpPr/>
      </xdr:nvCxnSpPr>
      <xdr:spPr>
        <a:xfrm>
          <a:off x="16230600" y="7191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68597</xdr:rowOff>
    </xdr:from>
    <xdr:ext cx="405111" cy="259045"/>
    <xdr:sp macro="" textlink="">
      <xdr:nvSpPr>
        <xdr:cNvPr id="522" name="【一般廃棄物処理施設】&#10;有形固定資産減価償却率最大値テキスト">
          <a:extLst>
            <a:ext uri="{FF2B5EF4-FFF2-40B4-BE49-F238E27FC236}">
              <a16:creationId xmlns:a16="http://schemas.microsoft.com/office/drawing/2014/main" id="{AC3DB3ED-CEAD-479C-B158-EC05D907E9E9}"/>
            </a:ext>
          </a:extLst>
        </xdr:cNvPr>
        <xdr:cNvSpPr txBox="1"/>
      </xdr:nvSpPr>
      <xdr:spPr>
        <a:xfrm>
          <a:off x="16357600" y="5383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21920</xdr:rowOff>
    </xdr:from>
    <xdr:to>
      <xdr:col>86</xdr:col>
      <xdr:colOff>25400</xdr:colOff>
      <xdr:row>32</xdr:row>
      <xdr:rowOff>121920</xdr:rowOff>
    </xdr:to>
    <xdr:cxnSp macro="">
      <xdr:nvCxnSpPr>
        <xdr:cNvPr id="523" name="直線コネクタ 522">
          <a:extLst>
            <a:ext uri="{FF2B5EF4-FFF2-40B4-BE49-F238E27FC236}">
              <a16:creationId xmlns:a16="http://schemas.microsoft.com/office/drawing/2014/main" id="{851ECE86-5932-485C-8C69-42E839F23D90}"/>
            </a:ext>
          </a:extLst>
        </xdr:cNvPr>
        <xdr:cNvCxnSpPr/>
      </xdr:nvCxnSpPr>
      <xdr:spPr>
        <a:xfrm>
          <a:off x="16230600" y="5608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33367</xdr:rowOff>
    </xdr:from>
    <xdr:ext cx="405111" cy="259045"/>
    <xdr:sp macro="" textlink="">
      <xdr:nvSpPr>
        <xdr:cNvPr id="524" name="【一般廃棄物処理施設】&#10;有形固定資産減価償却率平均値テキスト">
          <a:extLst>
            <a:ext uri="{FF2B5EF4-FFF2-40B4-BE49-F238E27FC236}">
              <a16:creationId xmlns:a16="http://schemas.microsoft.com/office/drawing/2014/main" id="{6588D46D-09BB-4DF7-9B20-88C1F9D1D8B5}"/>
            </a:ext>
          </a:extLst>
        </xdr:cNvPr>
        <xdr:cNvSpPr txBox="1"/>
      </xdr:nvSpPr>
      <xdr:spPr>
        <a:xfrm>
          <a:off x="16357600" y="64770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4940</xdr:rowOff>
    </xdr:from>
    <xdr:to>
      <xdr:col>85</xdr:col>
      <xdr:colOff>177800</xdr:colOff>
      <xdr:row>38</xdr:row>
      <xdr:rowOff>85090</xdr:rowOff>
    </xdr:to>
    <xdr:sp macro="" textlink="">
      <xdr:nvSpPr>
        <xdr:cNvPr id="525" name="フローチャート: 判断 524">
          <a:extLst>
            <a:ext uri="{FF2B5EF4-FFF2-40B4-BE49-F238E27FC236}">
              <a16:creationId xmlns:a16="http://schemas.microsoft.com/office/drawing/2014/main" id="{13002B68-4A05-43F6-B3B3-57906E9C8DA7}"/>
            </a:ext>
          </a:extLst>
        </xdr:cNvPr>
        <xdr:cNvSpPr/>
      </xdr:nvSpPr>
      <xdr:spPr>
        <a:xfrm>
          <a:off x="16268700" y="6498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4925</xdr:rowOff>
    </xdr:from>
    <xdr:to>
      <xdr:col>81</xdr:col>
      <xdr:colOff>101600</xdr:colOff>
      <xdr:row>38</xdr:row>
      <xdr:rowOff>136525</xdr:rowOff>
    </xdr:to>
    <xdr:sp macro="" textlink="">
      <xdr:nvSpPr>
        <xdr:cNvPr id="526" name="フローチャート: 判断 525">
          <a:extLst>
            <a:ext uri="{FF2B5EF4-FFF2-40B4-BE49-F238E27FC236}">
              <a16:creationId xmlns:a16="http://schemas.microsoft.com/office/drawing/2014/main" id="{06CEDF0A-2154-426A-AAA0-4E5DD6AAA3D3}"/>
            </a:ext>
          </a:extLst>
        </xdr:cNvPr>
        <xdr:cNvSpPr/>
      </xdr:nvSpPr>
      <xdr:spPr>
        <a:xfrm>
          <a:off x="15430500" y="6550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8260</xdr:rowOff>
    </xdr:from>
    <xdr:to>
      <xdr:col>76</xdr:col>
      <xdr:colOff>165100</xdr:colOff>
      <xdr:row>38</xdr:row>
      <xdr:rowOff>149860</xdr:rowOff>
    </xdr:to>
    <xdr:sp macro="" textlink="">
      <xdr:nvSpPr>
        <xdr:cNvPr id="527" name="フローチャート: 判断 526">
          <a:extLst>
            <a:ext uri="{FF2B5EF4-FFF2-40B4-BE49-F238E27FC236}">
              <a16:creationId xmlns:a16="http://schemas.microsoft.com/office/drawing/2014/main" id="{293FEFB9-14B0-4096-8056-0EFAF19E9B3F}"/>
            </a:ext>
          </a:extLst>
        </xdr:cNvPr>
        <xdr:cNvSpPr/>
      </xdr:nvSpPr>
      <xdr:spPr>
        <a:xfrm>
          <a:off x="14541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61595</xdr:rowOff>
    </xdr:from>
    <xdr:to>
      <xdr:col>72</xdr:col>
      <xdr:colOff>38100</xdr:colOff>
      <xdr:row>38</xdr:row>
      <xdr:rowOff>163195</xdr:rowOff>
    </xdr:to>
    <xdr:sp macro="" textlink="">
      <xdr:nvSpPr>
        <xdr:cNvPr id="528" name="フローチャート: 判断 527">
          <a:extLst>
            <a:ext uri="{FF2B5EF4-FFF2-40B4-BE49-F238E27FC236}">
              <a16:creationId xmlns:a16="http://schemas.microsoft.com/office/drawing/2014/main" id="{BF09748B-22EB-4829-9EE2-E39B6D1C1A2F}"/>
            </a:ext>
          </a:extLst>
        </xdr:cNvPr>
        <xdr:cNvSpPr/>
      </xdr:nvSpPr>
      <xdr:spPr>
        <a:xfrm>
          <a:off x="13652500" y="65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1120</xdr:rowOff>
    </xdr:from>
    <xdr:to>
      <xdr:col>67</xdr:col>
      <xdr:colOff>101600</xdr:colOff>
      <xdr:row>39</xdr:row>
      <xdr:rowOff>1270</xdr:rowOff>
    </xdr:to>
    <xdr:sp macro="" textlink="">
      <xdr:nvSpPr>
        <xdr:cNvPr id="529" name="フローチャート: 判断 528">
          <a:extLst>
            <a:ext uri="{FF2B5EF4-FFF2-40B4-BE49-F238E27FC236}">
              <a16:creationId xmlns:a16="http://schemas.microsoft.com/office/drawing/2014/main" id="{A2D0D407-8D12-4A06-863D-B02114283097}"/>
            </a:ext>
          </a:extLst>
        </xdr:cNvPr>
        <xdr:cNvSpPr/>
      </xdr:nvSpPr>
      <xdr:spPr>
        <a:xfrm>
          <a:off x="12763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4DBBF99F-5DDD-453F-ACE9-AD0B83CC0E1B}"/>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8C959ACC-4535-40C8-8C9D-72EA5455A63F}"/>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99B8B921-32EC-4F57-B24A-3FCDC8E425A9}"/>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C62E345B-1C4E-43BF-AA15-45132930DC3A}"/>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DF535152-1B2D-475D-8C12-2FAFCF30508F}"/>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6365</xdr:rowOff>
    </xdr:from>
    <xdr:to>
      <xdr:col>85</xdr:col>
      <xdr:colOff>177800</xdr:colOff>
      <xdr:row>37</xdr:row>
      <xdr:rowOff>56515</xdr:rowOff>
    </xdr:to>
    <xdr:sp macro="" textlink="">
      <xdr:nvSpPr>
        <xdr:cNvPr id="535" name="楕円 534">
          <a:extLst>
            <a:ext uri="{FF2B5EF4-FFF2-40B4-BE49-F238E27FC236}">
              <a16:creationId xmlns:a16="http://schemas.microsoft.com/office/drawing/2014/main" id="{43BFDD9B-EACC-4459-B4B0-937CD2BF5D8B}"/>
            </a:ext>
          </a:extLst>
        </xdr:cNvPr>
        <xdr:cNvSpPr/>
      </xdr:nvSpPr>
      <xdr:spPr>
        <a:xfrm>
          <a:off x="16268700" y="6298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49242</xdr:rowOff>
    </xdr:from>
    <xdr:ext cx="405111" cy="259045"/>
    <xdr:sp macro="" textlink="">
      <xdr:nvSpPr>
        <xdr:cNvPr id="536" name="【一般廃棄物処理施設】&#10;有形固定資産減価償却率該当値テキスト">
          <a:extLst>
            <a:ext uri="{FF2B5EF4-FFF2-40B4-BE49-F238E27FC236}">
              <a16:creationId xmlns:a16="http://schemas.microsoft.com/office/drawing/2014/main" id="{182A56B5-B918-4912-81C2-B2E1DACC702D}"/>
            </a:ext>
          </a:extLst>
        </xdr:cNvPr>
        <xdr:cNvSpPr txBox="1"/>
      </xdr:nvSpPr>
      <xdr:spPr>
        <a:xfrm>
          <a:off x="16357600" y="614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88265</xdr:rowOff>
    </xdr:from>
    <xdr:to>
      <xdr:col>81</xdr:col>
      <xdr:colOff>101600</xdr:colOff>
      <xdr:row>37</xdr:row>
      <xdr:rowOff>18415</xdr:rowOff>
    </xdr:to>
    <xdr:sp macro="" textlink="">
      <xdr:nvSpPr>
        <xdr:cNvPr id="537" name="楕円 536">
          <a:extLst>
            <a:ext uri="{FF2B5EF4-FFF2-40B4-BE49-F238E27FC236}">
              <a16:creationId xmlns:a16="http://schemas.microsoft.com/office/drawing/2014/main" id="{ED57296A-CB9F-4C3A-BB5A-8C75E2D89270}"/>
            </a:ext>
          </a:extLst>
        </xdr:cNvPr>
        <xdr:cNvSpPr/>
      </xdr:nvSpPr>
      <xdr:spPr>
        <a:xfrm>
          <a:off x="15430500" y="6260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39065</xdr:rowOff>
    </xdr:from>
    <xdr:to>
      <xdr:col>85</xdr:col>
      <xdr:colOff>127000</xdr:colOff>
      <xdr:row>37</xdr:row>
      <xdr:rowOff>5715</xdr:rowOff>
    </xdr:to>
    <xdr:cxnSp macro="">
      <xdr:nvCxnSpPr>
        <xdr:cNvPr id="538" name="直線コネクタ 537">
          <a:extLst>
            <a:ext uri="{FF2B5EF4-FFF2-40B4-BE49-F238E27FC236}">
              <a16:creationId xmlns:a16="http://schemas.microsoft.com/office/drawing/2014/main" id="{58A85223-FC82-48C4-B331-4D2C54AA7C83}"/>
            </a:ext>
          </a:extLst>
        </xdr:cNvPr>
        <xdr:cNvCxnSpPr/>
      </xdr:nvCxnSpPr>
      <xdr:spPr>
        <a:xfrm>
          <a:off x="15481300" y="631126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0165</xdr:rowOff>
    </xdr:from>
    <xdr:to>
      <xdr:col>76</xdr:col>
      <xdr:colOff>165100</xdr:colOff>
      <xdr:row>36</xdr:row>
      <xdr:rowOff>151765</xdr:rowOff>
    </xdr:to>
    <xdr:sp macro="" textlink="">
      <xdr:nvSpPr>
        <xdr:cNvPr id="539" name="楕円 538">
          <a:extLst>
            <a:ext uri="{FF2B5EF4-FFF2-40B4-BE49-F238E27FC236}">
              <a16:creationId xmlns:a16="http://schemas.microsoft.com/office/drawing/2014/main" id="{A906592E-6108-4B99-95BD-DB9FC2ACC1F5}"/>
            </a:ext>
          </a:extLst>
        </xdr:cNvPr>
        <xdr:cNvSpPr/>
      </xdr:nvSpPr>
      <xdr:spPr>
        <a:xfrm>
          <a:off x="14541500" y="6222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00965</xdr:rowOff>
    </xdr:from>
    <xdr:to>
      <xdr:col>81</xdr:col>
      <xdr:colOff>50800</xdr:colOff>
      <xdr:row>36</xdr:row>
      <xdr:rowOff>139065</xdr:rowOff>
    </xdr:to>
    <xdr:cxnSp macro="">
      <xdr:nvCxnSpPr>
        <xdr:cNvPr id="540" name="直線コネクタ 539">
          <a:extLst>
            <a:ext uri="{FF2B5EF4-FFF2-40B4-BE49-F238E27FC236}">
              <a16:creationId xmlns:a16="http://schemas.microsoft.com/office/drawing/2014/main" id="{A30FB8A3-3118-4962-A8BD-3422DA4CBCA6}"/>
            </a:ext>
          </a:extLst>
        </xdr:cNvPr>
        <xdr:cNvCxnSpPr/>
      </xdr:nvCxnSpPr>
      <xdr:spPr>
        <a:xfrm>
          <a:off x="14592300" y="627316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2065</xdr:rowOff>
    </xdr:from>
    <xdr:to>
      <xdr:col>72</xdr:col>
      <xdr:colOff>38100</xdr:colOff>
      <xdr:row>36</xdr:row>
      <xdr:rowOff>113665</xdr:rowOff>
    </xdr:to>
    <xdr:sp macro="" textlink="">
      <xdr:nvSpPr>
        <xdr:cNvPr id="541" name="楕円 540">
          <a:extLst>
            <a:ext uri="{FF2B5EF4-FFF2-40B4-BE49-F238E27FC236}">
              <a16:creationId xmlns:a16="http://schemas.microsoft.com/office/drawing/2014/main" id="{FC9E444A-1D94-4772-AA3C-582467EC9804}"/>
            </a:ext>
          </a:extLst>
        </xdr:cNvPr>
        <xdr:cNvSpPr/>
      </xdr:nvSpPr>
      <xdr:spPr>
        <a:xfrm>
          <a:off x="13652500" y="6184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62865</xdr:rowOff>
    </xdr:from>
    <xdr:to>
      <xdr:col>76</xdr:col>
      <xdr:colOff>114300</xdr:colOff>
      <xdr:row>36</xdr:row>
      <xdr:rowOff>100965</xdr:rowOff>
    </xdr:to>
    <xdr:cxnSp macro="">
      <xdr:nvCxnSpPr>
        <xdr:cNvPr id="542" name="直線コネクタ 541">
          <a:extLst>
            <a:ext uri="{FF2B5EF4-FFF2-40B4-BE49-F238E27FC236}">
              <a16:creationId xmlns:a16="http://schemas.microsoft.com/office/drawing/2014/main" id="{C9E97611-A403-4B01-831C-DCBB36403995}"/>
            </a:ext>
          </a:extLst>
        </xdr:cNvPr>
        <xdr:cNvCxnSpPr/>
      </xdr:nvCxnSpPr>
      <xdr:spPr>
        <a:xfrm>
          <a:off x="13703300" y="623506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40640</xdr:rowOff>
    </xdr:from>
    <xdr:to>
      <xdr:col>67</xdr:col>
      <xdr:colOff>101600</xdr:colOff>
      <xdr:row>38</xdr:row>
      <xdr:rowOff>142240</xdr:rowOff>
    </xdr:to>
    <xdr:sp macro="" textlink="">
      <xdr:nvSpPr>
        <xdr:cNvPr id="543" name="楕円 542">
          <a:extLst>
            <a:ext uri="{FF2B5EF4-FFF2-40B4-BE49-F238E27FC236}">
              <a16:creationId xmlns:a16="http://schemas.microsoft.com/office/drawing/2014/main" id="{DD5AA05E-5E9A-49A7-B3E2-05437E6EFA0A}"/>
            </a:ext>
          </a:extLst>
        </xdr:cNvPr>
        <xdr:cNvSpPr/>
      </xdr:nvSpPr>
      <xdr:spPr>
        <a:xfrm>
          <a:off x="12763500" y="65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62865</xdr:rowOff>
    </xdr:from>
    <xdr:to>
      <xdr:col>71</xdr:col>
      <xdr:colOff>177800</xdr:colOff>
      <xdr:row>38</xdr:row>
      <xdr:rowOff>91440</xdr:rowOff>
    </xdr:to>
    <xdr:cxnSp macro="">
      <xdr:nvCxnSpPr>
        <xdr:cNvPr id="544" name="直線コネクタ 543">
          <a:extLst>
            <a:ext uri="{FF2B5EF4-FFF2-40B4-BE49-F238E27FC236}">
              <a16:creationId xmlns:a16="http://schemas.microsoft.com/office/drawing/2014/main" id="{1F228061-2042-4EBF-A900-16CC975C590A}"/>
            </a:ext>
          </a:extLst>
        </xdr:cNvPr>
        <xdr:cNvCxnSpPr/>
      </xdr:nvCxnSpPr>
      <xdr:spPr>
        <a:xfrm flipV="1">
          <a:off x="12814300" y="6235065"/>
          <a:ext cx="889000" cy="371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27652</xdr:rowOff>
    </xdr:from>
    <xdr:ext cx="405111" cy="259045"/>
    <xdr:sp macro="" textlink="">
      <xdr:nvSpPr>
        <xdr:cNvPr id="545" name="n_1aveValue【一般廃棄物処理施設】&#10;有形固定資産減価償却率">
          <a:extLst>
            <a:ext uri="{FF2B5EF4-FFF2-40B4-BE49-F238E27FC236}">
              <a16:creationId xmlns:a16="http://schemas.microsoft.com/office/drawing/2014/main" id="{49D0CE0F-32BC-48E4-92B9-0429E46F7A1A}"/>
            </a:ext>
          </a:extLst>
        </xdr:cNvPr>
        <xdr:cNvSpPr txBox="1"/>
      </xdr:nvSpPr>
      <xdr:spPr>
        <a:xfrm>
          <a:off x="15266044" y="6642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40987</xdr:rowOff>
    </xdr:from>
    <xdr:ext cx="405111" cy="259045"/>
    <xdr:sp macro="" textlink="">
      <xdr:nvSpPr>
        <xdr:cNvPr id="546" name="n_2aveValue【一般廃棄物処理施設】&#10;有形固定資産減価償却率">
          <a:extLst>
            <a:ext uri="{FF2B5EF4-FFF2-40B4-BE49-F238E27FC236}">
              <a16:creationId xmlns:a16="http://schemas.microsoft.com/office/drawing/2014/main" id="{27D8F6D2-299F-40EA-A771-9CCDB60412EB}"/>
            </a:ext>
          </a:extLst>
        </xdr:cNvPr>
        <xdr:cNvSpPr txBox="1"/>
      </xdr:nvSpPr>
      <xdr:spPr>
        <a:xfrm>
          <a:off x="143897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54322</xdr:rowOff>
    </xdr:from>
    <xdr:ext cx="405111" cy="259045"/>
    <xdr:sp macro="" textlink="">
      <xdr:nvSpPr>
        <xdr:cNvPr id="547" name="n_3aveValue【一般廃棄物処理施設】&#10;有形固定資産減価償却率">
          <a:extLst>
            <a:ext uri="{FF2B5EF4-FFF2-40B4-BE49-F238E27FC236}">
              <a16:creationId xmlns:a16="http://schemas.microsoft.com/office/drawing/2014/main" id="{3C90AF18-1516-4C90-B143-8DF61B342573}"/>
            </a:ext>
          </a:extLst>
        </xdr:cNvPr>
        <xdr:cNvSpPr txBox="1"/>
      </xdr:nvSpPr>
      <xdr:spPr>
        <a:xfrm>
          <a:off x="13500744" y="666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63847</xdr:rowOff>
    </xdr:from>
    <xdr:ext cx="405111" cy="259045"/>
    <xdr:sp macro="" textlink="">
      <xdr:nvSpPr>
        <xdr:cNvPr id="548" name="n_4aveValue【一般廃棄物処理施設】&#10;有形固定資産減価償却率">
          <a:extLst>
            <a:ext uri="{FF2B5EF4-FFF2-40B4-BE49-F238E27FC236}">
              <a16:creationId xmlns:a16="http://schemas.microsoft.com/office/drawing/2014/main" id="{A2C62032-0A8D-4436-937A-0C9508583163}"/>
            </a:ext>
          </a:extLst>
        </xdr:cNvPr>
        <xdr:cNvSpPr txBox="1"/>
      </xdr:nvSpPr>
      <xdr:spPr>
        <a:xfrm>
          <a:off x="12611744" y="667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34942</xdr:rowOff>
    </xdr:from>
    <xdr:ext cx="405111" cy="259045"/>
    <xdr:sp macro="" textlink="">
      <xdr:nvSpPr>
        <xdr:cNvPr id="549" name="n_1mainValue【一般廃棄物処理施設】&#10;有形固定資産減価償却率">
          <a:extLst>
            <a:ext uri="{FF2B5EF4-FFF2-40B4-BE49-F238E27FC236}">
              <a16:creationId xmlns:a16="http://schemas.microsoft.com/office/drawing/2014/main" id="{EC06DE9B-B0D5-4840-B8B1-4688A4FFBA4F}"/>
            </a:ext>
          </a:extLst>
        </xdr:cNvPr>
        <xdr:cNvSpPr txBox="1"/>
      </xdr:nvSpPr>
      <xdr:spPr>
        <a:xfrm>
          <a:off x="15266044" y="6035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68292</xdr:rowOff>
    </xdr:from>
    <xdr:ext cx="405111" cy="259045"/>
    <xdr:sp macro="" textlink="">
      <xdr:nvSpPr>
        <xdr:cNvPr id="550" name="n_2mainValue【一般廃棄物処理施設】&#10;有形固定資産減価償却率">
          <a:extLst>
            <a:ext uri="{FF2B5EF4-FFF2-40B4-BE49-F238E27FC236}">
              <a16:creationId xmlns:a16="http://schemas.microsoft.com/office/drawing/2014/main" id="{D3476A2A-63FD-4A5B-92ED-507FCA471EFA}"/>
            </a:ext>
          </a:extLst>
        </xdr:cNvPr>
        <xdr:cNvSpPr txBox="1"/>
      </xdr:nvSpPr>
      <xdr:spPr>
        <a:xfrm>
          <a:off x="14389744"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30192</xdr:rowOff>
    </xdr:from>
    <xdr:ext cx="405111" cy="259045"/>
    <xdr:sp macro="" textlink="">
      <xdr:nvSpPr>
        <xdr:cNvPr id="551" name="n_3mainValue【一般廃棄物処理施設】&#10;有形固定資産減価償却率">
          <a:extLst>
            <a:ext uri="{FF2B5EF4-FFF2-40B4-BE49-F238E27FC236}">
              <a16:creationId xmlns:a16="http://schemas.microsoft.com/office/drawing/2014/main" id="{683B1863-52CA-47EC-A9CA-14947CB2D7AF}"/>
            </a:ext>
          </a:extLst>
        </xdr:cNvPr>
        <xdr:cNvSpPr txBox="1"/>
      </xdr:nvSpPr>
      <xdr:spPr>
        <a:xfrm>
          <a:off x="13500744" y="595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58767</xdr:rowOff>
    </xdr:from>
    <xdr:ext cx="405111" cy="259045"/>
    <xdr:sp macro="" textlink="">
      <xdr:nvSpPr>
        <xdr:cNvPr id="552" name="n_4mainValue【一般廃棄物処理施設】&#10;有形固定資産減価償却率">
          <a:extLst>
            <a:ext uri="{FF2B5EF4-FFF2-40B4-BE49-F238E27FC236}">
              <a16:creationId xmlns:a16="http://schemas.microsoft.com/office/drawing/2014/main" id="{07DC5806-FC02-462F-89D8-98EA20A357BC}"/>
            </a:ext>
          </a:extLst>
        </xdr:cNvPr>
        <xdr:cNvSpPr txBox="1"/>
      </xdr:nvSpPr>
      <xdr:spPr>
        <a:xfrm>
          <a:off x="12611744" y="6330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a:extLst>
            <a:ext uri="{FF2B5EF4-FFF2-40B4-BE49-F238E27FC236}">
              <a16:creationId xmlns:a16="http://schemas.microsoft.com/office/drawing/2014/main" id="{D966A78F-9522-41E3-B5CC-624F308554F1}"/>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a:extLst>
            <a:ext uri="{FF2B5EF4-FFF2-40B4-BE49-F238E27FC236}">
              <a16:creationId xmlns:a16="http://schemas.microsoft.com/office/drawing/2014/main" id="{95B2C4AF-A577-4BB8-96D7-41D797D0380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a:extLst>
            <a:ext uri="{FF2B5EF4-FFF2-40B4-BE49-F238E27FC236}">
              <a16:creationId xmlns:a16="http://schemas.microsoft.com/office/drawing/2014/main" id="{832C4403-6D32-43E3-9904-D4AE3ABF999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a:extLst>
            <a:ext uri="{FF2B5EF4-FFF2-40B4-BE49-F238E27FC236}">
              <a16:creationId xmlns:a16="http://schemas.microsoft.com/office/drawing/2014/main" id="{B36E2926-3E05-4EF9-BA44-22BFD005FAE4}"/>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a:extLst>
            <a:ext uri="{FF2B5EF4-FFF2-40B4-BE49-F238E27FC236}">
              <a16:creationId xmlns:a16="http://schemas.microsoft.com/office/drawing/2014/main" id="{FC84D3CF-CFD0-472C-8CC4-476F1BDE695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a:extLst>
            <a:ext uri="{FF2B5EF4-FFF2-40B4-BE49-F238E27FC236}">
              <a16:creationId xmlns:a16="http://schemas.microsoft.com/office/drawing/2014/main" id="{D672E310-18EE-4A7B-8E53-7A2287C96F8B}"/>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a:extLst>
            <a:ext uri="{FF2B5EF4-FFF2-40B4-BE49-F238E27FC236}">
              <a16:creationId xmlns:a16="http://schemas.microsoft.com/office/drawing/2014/main" id="{481DDC1A-B498-479D-ADE3-1A0511C8C4F3}"/>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a:extLst>
            <a:ext uri="{FF2B5EF4-FFF2-40B4-BE49-F238E27FC236}">
              <a16:creationId xmlns:a16="http://schemas.microsoft.com/office/drawing/2014/main" id="{B9BECC30-4403-456D-AAC9-27C80B5E9F1D}"/>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a:extLst>
            <a:ext uri="{FF2B5EF4-FFF2-40B4-BE49-F238E27FC236}">
              <a16:creationId xmlns:a16="http://schemas.microsoft.com/office/drawing/2014/main" id="{943E825A-0A59-4881-BEA7-88B15EE30AC8}"/>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a:extLst>
            <a:ext uri="{FF2B5EF4-FFF2-40B4-BE49-F238E27FC236}">
              <a16:creationId xmlns:a16="http://schemas.microsoft.com/office/drawing/2014/main" id="{94646188-37E9-46ED-8B27-90A366EA15F5}"/>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3" name="直線コネクタ 562">
          <a:extLst>
            <a:ext uri="{FF2B5EF4-FFF2-40B4-BE49-F238E27FC236}">
              <a16:creationId xmlns:a16="http://schemas.microsoft.com/office/drawing/2014/main" id="{926C9272-3DB6-4F70-AE06-A57CB3743F46}"/>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64" name="テキスト ボックス 563">
          <a:extLst>
            <a:ext uri="{FF2B5EF4-FFF2-40B4-BE49-F238E27FC236}">
              <a16:creationId xmlns:a16="http://schemas.microsoft.com/office/drawing/2014/main" id="{17A590EA-6EBD-4AA3-9B71-853AD558260B}"/>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5" name="直線コネクタ 564">
          <a:extLst>
            <a:ext uri="{FF2B5EF4-FFF2-40B4-BE49-F238E27FC236}">
              <a16:creationId xmlns:a16="http://schemas.microsoft.com/office/drawing/2014/main" id="{9E56809C-E4B4-4AA0-B367-C8837CF6F359}"/>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6" name="テキスト ボックス 565">
          <a:extLst>
            <a:ext uri="{FF2B5EF4-FFF2-40B4-BE49-F238E27FC236}">
              <a16:creationId xmlns:a16="http://schemas.microsoft.com/office/drawing/2014/main" id="{59CC0FC6-A26C-4E9B-BA9C-E18FAA80D8AB}"/>
            </a:ext>
          </a:extLst>
        </xdr:cNvPr>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7" name="直線コネクタ 566">
          <a:extLst>
            <a:ext uri="{FF2B5EF4-FFF2-40B4-BE49-F238E27FC236}">
              <a16:creationId xmlns:a16="http://schemas.microsoft.com/office/drawing/2014/main" id="{4BDC6487-F6F7-40C1-A151-094912E3E878}"/>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68" name="テキスト ボックス 567">
          <a:extLst>
            <a:ext uri="{FF2B5EF4-FFF2-40B4-BE49-F238E27FC236}">
              <a16:creationId xmlns:a16="http://schemas.microsoft.com/office/drawing/2014/main" id="{4068D877-2867-457E-9FAB-B2A1C62D90C9}"/>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9" name="直線コネクタ 568">
          <a:extLst>
            <a:ext uri="{FF2B5EF4-FFF2-40B4-BE49-F238E27FC236}">
              <a16:creationId xmlns:a16="http://schemas.microsoft.com/office/drawing/2014/main" id="{1CAD721A-2CDA-4397-8D46-288AA07D0938}"/>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70" name="テキスト ボックス 569">
          <a:extLst>
            <a:ext uri="{FF2B5EF4-FFF2-40B4-BE49-F238E27FC236}">
              <a16:creationId xmlns:a16="http://schemas.microsoft.com/office/drawing/2014/main" id="{FC7FE186-F356-42A9-B381-C41E096B1470}"/>
            </a:ext>
          </a:extLst>
        </xdr:cNvPr>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1" name="直線コネクタ 570">
          <a:extLst>
            <a:ext uri="{FF2B5EF4-FFF2-40B4-BE49-F238E27FC236}">
              <a16:creationId xmlns:a16="http://schemas.microsoft.com/office/drawing/2014/main" id="{AC19E018-C199-4C5C-8243-CEF673276402}"/>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72" name="テキスト ボックス 571">
          <a:extLst>
            <a:ext uri="{FF2B5EF4-FFF2-40B4-BE49-F238E27FC236}">
              <a16:creationId xmlns:a16="http://schemas.microsoft.com/office/drawing/2014/main" id="{B00F83CC-99C7-4C80-8B1F-76487EE81A50}"/>
            </a:ext>
          </a:extLst>
        </xdr:cNvPr>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a:extLst>
            <a:ext uri="{FF2B5EF4-FFF2-40B4-BE49-F238E27FC236}">
              <a16:creationId xmlns:a16="http://schemas.microsoft.com/office/drawing/2014/main" id="{1A7BE73D-6A45-4165-ACF2-4C664ACFA205}"/>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a:extLst>
            <a:ext uri="{FF2B5EF4-FFF2-40B4-BE49-F238E27FC236}">
              <a16:creationId xmlns:a16="http://schemas.microsoft.com/office/drawing/2014/main" id="{972C3A26-FD92-43C3-876D-34E3E526E486}"/>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a:extLst>
            <a:ext uri="{FF2B5EF4-FFF2-40B4-BE49-F238E27FC236}">
              <a16:creationId xmlns:a16="http://schemas.microsoft.com/office/drawing/2014/main" id="{32D722F0-034B-4632-BAD9-437C41B4E771}"/>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163876</xdr:rowOff>
    </xdr:from>
    <xdr:to>
      <xdr:col>116</xdr:col>
      <xdr:colOff>62864</xdr:colOff>
      <xdr:row>42</xdr:row>
      <xdr:rowOff>6058</xdr:rowOff>
    </xdr:to>
    <xdr:cxnSp macro="">
      <xdr:nvCxnSpPr>
        <xdr:cNvPr id="576" name="直線コネクタ 575">
          <a:extLst>
            <a:ext uri="{FF2B5EF4-FFF2-40B4-BE49-F238E27FC236}">
              <a16:creationId xmlns:a16="http://schemas.microsoft.com/office/drawing/2014/main" id="{064BFA00-A62C-4B38-A026-F4ACEE002F4D}"/>
            </a:ext>
          </a:extLst>
        </xdr:cNvPr>
        <xdr:cNvCxnSpPr/>
      </xdr:nvCxnSpPr>
      <xdr:spPr>
        <a:xfrm flipV="1">
          <a:off x="22160864" y="6164626"/>
          <a:ext cx="0" cy="10423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9885</xdr:rowOff>
    </xdr:from>
    <xdr:ext cx="469744" cy="259045"/>
    <xdr:sp macro="" textlink="">
      <xdr:nvSpPr>
        <xdr:cNvPr id="577" name="【一般廃棄物処理施設】&#10;一人当たり有形固定資産（償却資産）額最小値テキスト">
          <a:extLst>
            <a:ext uri="{FF2B5EF4-FFF2-40B4-BE49-F238E27FC236}">
              <a16:creationId xmlns:a16="http://schemas.microsoft.com/office/drawing/2014/main" id="{22194335-429B-4CE4-A3FA-6E0CA04C1B9C}"/>
            </a:ext>
          </a:extLst>
        </xdr:cNvPr>
        <xdr:cNvSpPr txBox="1"/>
      </xdr:nvSpPr>
      <xdr:spPr>
        <a:xfrm>
          <a:off x="22199600" y="7210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058</xdr:rowOff>
    </xdr:from>
    <xdr:to>
      <xdr:col>116</xdr:col>
      <xdr:colOff>152400</xdr:colOff>
      <xdr:row>42</xdr:row>
      <xdr:rowOff>6058</xdr:rowOff>
    </xdr:to>
    <xdr:cxnSp macro="">
      <xdr:nvCxnSpPr>
        <xdr:cNvPr id="578" name="直線コネクタ 577">
          <a:extLst>
            <a:ext uri="{FF2B5EF4-FFF2-40B4-BE49-F238E27FC236}">
              <a16:creationId xmlns:a16="http://schemas.microsoft.com/office/drawing/2014/main" id="{4A5E3985-DD12-4670-A916-C5A8152AB643}"/>
            </a:ext>
          </a:extLst>
        </xdr:cNvPr>
        <xdr:cNvCxnSpPr/>
      </xdr:nvCxnSpPr>
      <xdr:spPr>
        <a:xfrm>
          <a:off x="22072600" y="7206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110553</xdr:rowOff>
    </xdr:from>
    <xdr:ext cx="599010" cy="259045"/>
    <xdr:sp macro="" textlink="">
      <xdr:nvSpPr>
        <xdr:cNvPr id="579" name="【一般廃棄物処理施設】&#10;一人当たり有形固定資産（償却資産）額最大値テキスト">
          <a:extLst>
            <a:ext uri="{FF2B5EF4-FFF2-40B4-BE49-F238E27FC236}">
              <a16:creationId xmlns:a16="http://schemas.microsoft.com/office/drawing/2014/main" id="{9299E681-668A-44D4-82ED-911FD70473AE}"/>
            </a:ext>
          </a:extLst>
        </xdr:cNvPr>
        <xdr:cNvSpPr txBox="1"/>
      </xdr:nvSpPr>
      <xdr:spPr>
        <a:xfrm>
          <a:off x="22199600" y="59398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163876</xdr:rowOff>
    </xdr:from>
    <xdr:to>
      <xdr:col>116</xdr:col>
      <xdr:colOff>152400</xdr:colOff>
      <xdr:row>35</xdr:row>
      <xdr:rowOff>163876</xdr:rowOff>
    </xdr:to>
    <xdr:cxnSp macro="">
      <xdr:nvCxnSpPr>
        <xdr:cNvPr id="580" name="直線コネクタ 579">
          <a:extLst>
            <a:ext uri="{FF2B5EF4-FFF2-40B4-BE49-F238E27FC236}">
              <a16:creationId xmlns:a16="http://schemas.microsoft.com/office/drawing/2014/main" id="{E0D5F86A-B230-4F53-83A6-E533B85907FB}"/>
            </a:ext>
          </a:extLst>
        </xdr:cNvPr>
        <xdr:cNvCxnSpPr/>
      </xdr:nvCxnSpPr>
      <xdr:spPr>
        <a:xfrm>
          <a:off x="22072600" y="616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07500</xdr:rowOff>
    </xdr:from>
    <xdr:ext cx="534377" cy="259045"/>
    <xdr:sp macro="" textlink="">
      <xdr:nvSpPr>
        <xdr:cNvPr id="581" name="【一般廃棄物処理施設】&#10;一人当たり有形固定資産（償却資産）額平均値テキスト">
          <a:extLst>
            <a:ext uri="{FF2B5EF4-FFF2-40B4-BE49-F238E27FC236}">
              <a16:creationId xmlns:a16="http://schemas.microsoft.com/office/drawing/2014/main" id="{9BA1167A-C0B1-4AB3-9A2F-6C26BFC39746}"/>
            </a:ext>
          </a:extLst>
        </xdr:cNvPr>
        <xdr:cNvSpPr txBox="1"/>
      </xdr:nvSpPr>
      <xdr:spPr>
        <a:xfrm>
          <a:off x="22199600" y="66226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4623</xdr:rowOff>
    </xdr:from>
    <xdr:to>
      <xdr:col>116</xdr:col>
      <xdr:colOff>114300</xdr:colOff>
      <xdr:row>40</xdr:row>
      <xdr:rowOff>14773</xdr:rowOff>
    </xdr:to>
    <xdr:sp macro="" textlink="">
      <xdr:nvSpPr>
        <xdr:cNvPr id="582" name="フローチャート: 判断 581">
          <a:extLst>
            <a:ext uri="{FF2B5EF4-FFF2-40B4-BE49-F238E27FC236}">
              <a16:creationId xmlns:a16="http://schemas.microsoft.com/office/drawing/2014/main" id="{C78F83CF-1234-45F8-8971-B95C840E97C9}"/>
            </a:ext>
          </a:extLst>
        </xdr:cNvPr>
        <xdr:cNvSpPr/>
      </xdr:nvSpPr>
      <xdr:spPr>
        <a:xfrm>
          <a:off x="22110700" y="677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4184</xdr:rowOff>
    </xdr:from>
    <xdr:to>
      <xdr:col>112</xdr:col>
      <xdr:colOff>38100</xdr:colOff>
      <xdr:row>40</xdr:row>
      <xdr:rowOff>34334</xdr:rowOff>
    </xdr:to>
    <xdr:sp macro="" textlink="">
      <xdr:nvSpPr>
        <xdr:cNvPr id="583" name="フローチャート: 判断 582">
          <a:extLst>
            <a:ext uri="{FF2B5EF4-FFF2-40B4-BE49-F238E27FC236}">
              <a16:creationId xmlns:a16="http://schemas.microsoft.com/office/drawing/2014/main" id="{F1D15AFA-04C0-4045-93DB-E04875E05B96}"/>
            </a:ext>
          </a:extLst>
        </xdr:cNvPr>
        <xdr:cNvSpPr/>
      </xdr:nvSpPr>
      <xdr:spPr>
        <a:xfrm>
          <a:off x="21272500" y="6790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84569</xdr:rowOff>
    </xdr:from>
    <xdr:to>
      <xdr:col>107</xdr:col>
      <xdr:colOff>101600</xdr:colOff>
      <xdr:row>40</xdr:row>
      <xdr:rowOff>14719</xdr:rowOff>
    </xdr:to>
    <xdr:sp macro="" textlink="">
      <xdr:nvSpPr>
        <xdr:cNvPr id="584" name="フローチャート: 判断 583">
          <a:extLst>
            <a:ext uri="{FF2B5EF4-FFF2-40B4-BE49-F238E27FC236}">
              <a16:creationId xmlns:a16="http://schemas.microsoft.com/office/drawing/2014/main" id="{8889DB45-72BC-4D15-A71E-D04FFBCFB3DD}"/>
            </a:ext>
          </a:extLst>
        </xdr:cNvPr>
        <xdr:cNvSpPr/>
      </xdr:nvSpPr>
      <xdr:spPr>
        <a:xfrm>
          <a:off x="20383500" y="677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5367</xdr:rowOff>
    </xdr:from>
    <xdr:to>
      <xdr:col>102</xdr:col>
      <xdr:colOff>165100</xdr:colOff>
      <xdr:row>40</xdr:row>
      <xdr:rowOff>25517</xdr:rowOff>
    </xdr:to>
    <xdr:sp macro="" textlink="">
      <xdr:nvSpPr>
        <xdr:cNvPr id="585" name="フローチャート: 判断 584">
          <a:extLst>
            <a:ext uri="{FF2B5EF4-FFF2-40B4-BE49-F238E27FC236}">
              <a16:creationId xmlns:a16="http://schemas.microsoft.com/office/drawing/2014/main" id="{223AA047-1C13-46B0-A210-8741296B738B}"/>
            </a:ext>
          </a:extLst>
        </xdr:cNvPr>
        <xdr:cNvSpPr/>
      </xdr:nvSpPr>
      <xdr:spPr>
        <a:xfrm>
          <a:off x="19494500" y="6781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43314</xdr:rowOff>
    </xdr:from>
    <xdr:to>
      <xdr:col>98</xdr:col>
      <xdr:colOff>38100</xdr:colOff>
      <xdr:row>39</xdr:row>
      <xdr:rowOff>144914</xdr:rowOff>
    </xdr:to>
    <xdr:sp macro="" textlink="">
      <xdr:nvSpPr>
        <xdr:cNvPr id="586" name="フローチャート: 判断 585">
          <a:extLst>
            <a:ext uri="{FF2B5EF4-FFF2-40B4-BE49-F238E27FC236}">
              <a16:creationId xmlns:a16="http://schemas.microsoft.com/office/drawing/2014/main" id="{FF078965-C88E-4D00-8022-70BD9608E5D7}"/>
            </a:ext>
          </a:extLst>
        </xdr:cNvPr>
        <xdr:cNvSpPr/>
      </xdr:nvSpPr>
      <xdr:spPr>
        <a:xfrm>
          <a:off x="18605500" y="6729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B97DE19E-DA0A-41FA-8295-398925BA37A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ADF7FE68-ED75-4886-86AE-E091F7F0C09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432500BA-228E-4667-AEBB-9EB6EE4AD448}"/>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E56E7235-F1AF-47A9-A226-12DAA0DF3B05}"/>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88CAC999-7575-471A-9EE8-BADB3CCCBF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70386</xdr:rowOff>
    </xdr:from>
    <xdr:to>
      <xdr:col>116</xdr:col>
      <xdr:colOff>114300</xdr:colOff>
      <xdr:row>40</xdr:row>
      <xdr:rowOff>100536</xdr:rowOff>
    </xdr:to>
    <xdr:sp macro="" textlink="">
      <xdr:nvSpPr>
        <xdr:cNvPr id="592" name="楕円 591">
          <a:extLst>
            <a:ext uri="{FF2B5EF4-FFF2-40B4-BE49-F238E27FC236}">
              <a16:creationId xmlns:a16="http://schemas.microsoft.com/office/drawing/2014/main" id="{CBF8A1B1-8B22-4FD5-87AA-1AF3096D2C31}"/>
            </a:ext>
          </a:extLst>
        </xdr:cNvPr>
        <xdr:cNvSpPr/>
      </xdr:nvSpPr>
      <xdr:spPr>
        <a:xfrm>
          <a:off x="22110700" y="6856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48813</xdr:rowOff>
    </xdr:from>
    <xdr:ext cx="534377" cy="259045"/>
    <xdr:sp macro="" textlink="">
      <xdr:nvSpPr>
        <xdr:cNvPr id="593" name="【一般廃棄物処理施設】&#10;一人当たり有形固定資産（償却資産）額該当値テキスト">
          <a:extLst>
            <a:ext uri="{FF2B5EF4-FFF2-40B4-BE49-F238E27FC236}">
              <a16:creationId xmlns:a16="http://schemas.microsoft.com/office/drawing/2014/main" id="{22178F35-01A0-4774-85F2-8D50023CE180}"/>
            </a:ext>
          </a:extLst>
        </xdr:cNvPr>
        <xdr:cNvSpPr txBox="1"/>
      </xdr:nvSpPr>
      <xdr:spPr>
        <a:xfrm>
          <a:off x="22199600" y="6835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70386</xdr:rowOff>
    </xdr:from>
    <xdr:to>
      <xdr:col>112</xdr:col>
      <xdr:colOff>38100</xdr:colOff>
      <xdr:row>40</xdr:row>
      <xdr:rowOff>100536</xdr:rowOff>
    </xdr:to>
    <xdr:sp macro="" textlink="">
      <xdr:nvSpPr>
        <xdr:cNvPr id="594" name="楕円 593">
          <a:extLst>
            <a:ext uri="{FF2B5EF4-FFF2-40B4-BE49-F238E27FC236}">
              <a16:creationId xmlns:a16="http://schemas.microsoft.com/office/drawing/2014/main" id="{EC4FAA73-ADAD-4AEB-9AFB-4B4D3847728D}"/>
            </a:ext>
          </a:extLst>
        </xdr:cNvPr>
        <xdr:cNvSpPr/>
      </xdr:nvSpPr>
      <xdr:spPr>
        <a:xfrm>
          <a:off x="21272500" y="6856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9736</xdr:rowOff>
    </xdr:from>
    <xdr:to>
      <xdr:col>116</xdr:col>
      <xdr:colOff>63500</xdr:colOff>
      <xdr:row>40</xdr:row>
      <xdr:rowOff>49736</xdr:rowOff>
    </xdr:to>
    <xdr:cxnSp macro="">
      <xdr:nvCxnSpPr>
        <xdr:cNvPr id="595" name="直線コネクタ 594">
          <a:extLst>
            <a:ext uri="{FF2B5EF4-FFF2-40B4-BE49-F238E27FC236}">
              <a16:creationId xmlns:a16="http://schemas.microsoft.com/office/drawing/2014/main" id="{FE64D2F2-4334-4BB6-A7A4-A3A2EE1C7D6C}"/>
            </a:ext>
          </a:extLst>
        </xdr:cNvPr>
        <xdr:cNvCxnSpPr/>
      </xdr:nvCxnSpPr>
      <xdr:spPr>
        <a:xfrm>
          <a:off x="21323300" y="69077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8328</xdr:rowOff>
    </xdr:from>
    <xdr:to>
      <xdr:col>107</xdr:col>
      <xdr:colOff>101600</xdr:colOff>
      <xdr:row>40</xdr:row>
      <xdr:rowOff>98478</xdr:rowOff>
    </xdr:to>
    <xdr:sp macro="" textlink="">
      <xdr:nvSpPr>
        <xdr:cNvPr id="596" name="楕円 595">
          <a:extLst>
            <a:ext uri="{FF2B5EF4-FFF2-40B4-BE49-F238E27FC236}">
              <a16:creationId xmlns:a16="http://schemas.microsoft.com/office/drawing/2014/main" id="{FE885556-83EF-4EF8-97E5-986B6C1D19BF}"/>
            </a:ext>
          </a:extLst>
        </xdr:cNvPr>
        <xdr:cNvSpPr/>
      </xdr:nvSpPr>
      <xdr:spPr>
        <a:xfrm>
          <a:off x="20383500" y="6854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7678</xdr:rowOff>
    </xdr:from>
    <xdr:to>
      <xdr:col>111</xdr:col>
      <xdr:colOff>177800</xdr:colOff>
      <xdr:row>40</xdr:row>
      <xdr:rowOff>49736</xdr:rowOff>
    </xdr:to>
    <xdr:cxnSp macro="">
      <xdr:nvCxnSpPr>
        <xdr:cNvPr id="597" name="直線コネクタ 596">
          <a:extLst>
            <a:ext uri="{FF2B5EF4-FFF2-40B4-BE49-F238E27FC236}">
              <a16:creationId xmlns:a16="http://schemas.microsoft.com/office/drawing/2014/main" id="{A22BE391-C318-4B52-9A28-298C2501B67A}"/>
            </a:ext>
          </a:extLst>
        </xdr:cNvPr>
        <xdr:cNvCxnSpPr/>
      </xdr:nvCxnSpPr>
      <xdr:spPr>
        <a:xfrm>
          <a:off x="20434300" y="6905678"/>
          <a:ext cx="889000" cy="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68351</xdr:rowOff>
    </xdr:from>
    <xdr:to>
      <xdr:col>102</xdr:col>
      <xdr:colOff>165100</xdr:colOff>
      <xdr:row>40</xdr:row>
      <xdr:rowOff>98501</xdr:rowOff>
    </xdr:to>
    <xdr:sp macro="" textlink="">
      <xdr:nvSpPr>
        <xdr:cNvPr id="598" name="楕円 597">
          <a:extLst>
            <a:ext uri="{FF2B5EF4-FFF2-40B4-BE49-F238E27FC236}">
              <a16:creationId xmlns:a16="http://schemas.microsoft.com/office/drawing/2014/main" id="{EDF951F0-5E7D-461D-BCFD-69FCCD6BD1DD}"/>
            </a:ext>
          </a:extLst>
        </xdr:cNvPr>
        <xdr:cNvSpPr/>
      </xdr:nvSpPr>
      <xdr:spPr>
        <a:xfrm>
          <a:off x="19494500" y="6854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7678</xdr:rowOff>
    </xdr:from>
    <xdr:to>
      <xdr:col>107</xdr:col>
      <xdr:colOff>50800</xdr:colOff>
      <xdr:row>40</xdr:row>
      <xdr:rowOff>47701</xdr:rowOff>
    </xdr:to>
    <xdr:cxnSp macro="">
      <xdr:nvCxnSpPr>
        <xdr:cNvPr id="599" name="直線コネクタ 598">
          <a:extLst>
            <a:ext uri="{FF2B5EF4-FFF2-40B4-BE49-F238E27FC236}">
              <a16:creationId xmlns:a16="http://schemas.microsoft.com/office/drawing/2014/main" id="{36212561-50C9-4CCA-B987-DEA868397BB7}"/>
            </a:ext>
          </a:extLst>
        </xdr:cNvPr>
        <xdr:cNvCxnSpPr/>
      </xdr:nvCxnSpPr>
      <xdr:spPr>
        <a:xfrm flipV="1">
          <a:off x="19545300" y="6905678"/>
          <a:ext cx="889000" cy="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3</xdr:row>
      <xdr:rowOff>108367</xdr:rowOff>
    </xdr:from>
    <xdr:to>
      <xdr:col>98</xdr:col>
      <xdr:colOff>38100</xdr:colOff>
      <xdr:row>34</xdr:row>
      <xdr:rowOff>38517</xdr:rowOff>
    </xdr:to>
    <xdr:sp macro="" textlink="">
      <xdr:nvSpPr>
        <xdr:cNvPr id="600" name="楕円 599">
          <a:extLst>
            <a:ext uri="{FF2B5EF4-FFF2-40B4-BE49-F238E27FC236}">
              <a16:creationId xmlns:a16="http://schemas.microsoft.com/office/drawing/2014/main" id="{C7D908A0-8C0C-42E1-B31D-44CBB9AED7CB}"/>
            </a:ext>
          </a:extLst>
        </xdr:cNvPr>
        <xdr:cNvSpPr/>
      </xdr:nvSpPr>
      <xdr:spPr>
        <a:xfrm>
          <a:off x="18605500" y="5766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3</xdr:row>
      <xdr:rowOff>159167</xdr:rowOff>
    </xdr:from>
    <xdr:to>
      <xdr:col>102</xdr:col>
      <xdr:colOff>114300</xdr:colOff>
      <xdr:row>40</xdr:row>
      <xdr:rowOff>47701</xdr:rowOff>
    </xdr:to>
    <xdr:cxnSp macro="">
      <xdr:nvCxnSpPr>
        <xdr:cNvPr id="601" name="直線コネクタ 600">
          <a:extLst>
            <a:ext uri="{FF2B5EF4-FFF2-40B4-BE49-F238E27FC236}">
              <a16:creationId xmlns:a16="http://schemas.microsoft.com/office/drawing/2014/main" id="{41903FA9-EDB5-457F-B2DD-880DD8B95CF4}"/>
            </a:ext>
          </a:extLst>
        </xdr:cNvPr>
        <xdr:cNvCxnSpPr/>
      </xdr:nvCxnSpPr>
      <xdr:spPr>
        <a:xfrm>
          <a:off x="18656300" y="5817017"/>
          <a:ext cx="889000" cy="1088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50861</xdr:rowOff>
    </xdr:from>
    <xdr:ext cx="534377" cy="259045"/>
    <xdr:sp macro="" textlink="">
      <xdr:nvSpPr>
        <xdr:cNvPr id="602" name="n_1aveValue【一般廃棄物処理施設】&#10;一人当たり有形固定資産（償却資産）額">
          <a:extLst>
            <a:ext uri="{FF2B5EF4-FFF2-40B4-BE49-F238E27FC236}">
              <a16:creationId xmlns:a16="http://schemas.microsoft.com/office/drawing/2014/main" id="{95452D9F-EAC1-403A-92D7-03B656BFD818}"/>
            </a:ext>
          </a:extLst>
        </xdr:cNvPr>
        <xdr:cNvSpPr txBox="1"/>
      </xdr:nvSpPr>
      <xdr:spPr>
        <a:xfrm>
          <a:off x="21043411" y="6565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31246</xdr:rowOff>
    </xdr:from>
    <xdr:ext cx="534377" cy="259045"/>
    <xdr:sp macro="" textlink="">
      <xdr:nvSpPr>
        <xdr:cNvPr id="603" name="n_2aveValue【一般廃棄物処理施設】&#10;一人当たり有形固定資産（償却資産）額">
          <a:extLst>
            <a:ext uri="{FF2B5EF4-FFF2-40B4-BE49-F238E27FC236}">
              <a16:creationId xmlns:a16="http://schemas.microsoft.com/office/drawing/2014/main" id="{A680D22B-4116-4109-A573-D7367DC14396}"/>
            </a:ext>
          </a:extLst>
        </xdr:cNvPr>
        <xdr:cNvSpPr txBox="1"/>
      </xdr:nvSpPr>
      <xdr:spPr>
        <a:xfrm>
          <a:off x="20167111" y="6546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42044</xdr:rowOff>
    </xdr:from>
    <xdr:ext cx="534377" cy="259045"/>
    <xdr:sp macro="" textlink="">
      <xdr:nvSpPr>
        <xdr:cNvPr id="604" name="n_3aveValue【一般廃棄物処理施設】&#10;一人当たり有形固定資産（償却資産）額">
          <a:extLst>
            <a:ext uri="{FF2B5EF4-FFF2-40B4-BE49-F238E27FC236}">
              <a16:creationId xmlns:a16="http://schemas.microsoft.com/office/drawing/2014/main" id="{8CB13ABE-B571-443D-B6F2-7CAC35F4BC14}"/>
            </a:ext>
          </a:extLst>
        </xdr:cNvPr>
        <xdr:cNvSpPr txBox="1"/>
      </xdr:nvSpPr>
      <xdr:spPr>
        <a:xfrm>
          <a:off x="19278111" y="6557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36041</xdr:rowOff>
    </xdr:from>
    <xdr:ext cx="534377" cy="259045"/>
    <xdr:sp macro="" textlink="">
      <xdr:nvSpPr>
        <xdr:cNvPr id="605" name="n_4aveValue【一般廃棄物処理施設】&#10;一人当たり有形固定資産（償却資産）額">
          <a:extLst>
            <a:ext uri="{FF2B5EF4-FFF2-40B4-BE49-F238E27FC236}">
              <a16:creationId xmlns:a16="http://schemas.microsoft.com/office/drawing/2014/main" id="{892B35CB-5771-4BAC-9DB4-98FA19418B47}"/>
            </a:ext>
          </a:extLst>
        </xdr:cNvPr>
        <xdr:cNvSpPr txBox="1"/>
      </xdr:nvSpPr>
      <xdr:spPr>
        <a:xfrm>
          <a:off x="18389111" y="682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0</xdr:row>
      <xdr:rowOff>91663</xdr:rowOff>
    </xdr:from>
    <xdr:ext cx="534377" cy="259045"/>
    <xdr:sp macro="" textlink="">
      <xdr:nvSpPr>
        <xdr:cNvPr id="606" name="n_1mainValue【一般廃棄物処理施設】&#10;一人当たり有形固定資産（償却資産）額">
          <a:extLst>
            <a:ext uri="{FF2B5EF4-FFF2-40B4-BE49-F238E27FC236}">
              <a16:creationId xmlns:a16="http://schemas.microsoft.com/office/drawing/2014/main" id="{927C40CB-1FA7-4A8A-8D6D-860705E579FC}"/>
            </a:ext>
          </a:extLst>
        </xdr:cNvPr>
        <xdr:cNvSpPr txBox="1"/>
      </xdr:nvSpPr>
      <xdr:spPr>
        <a:xfrm>
          <a:off x="21043411" y="6949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89605</xdr:rowOff>
    </xdr:from>
    <xdr:ext cx="534377" cy="259045"/>
    <xdr:sp macro="" textlink="">
      <xdr:nvSpPr>
        <xdr:cNvPr id="607" name="n_2mainValue【一般廃棄物処理施設】&#10;一人当たり有形固定資産（償却資産）額">
          <a:extLst>
            <a:ext uri="{FF2B5EF4-FFF2-40B4-BE49-F238E27FC236}">
              <a16:creationId xmlns:a16="http://schemas.microsoft.com/office/drawing/2014/main" id="{C853760B-7358-45BC-B58B-EC4478979925}"/>
            </a:ext>
          </a:extLst>
        </xdr:cNvPr>
        <xdr:cNvSpPr txBox="1"/>
      </xdr:nvSpPr>
      <xdr:spPr>
        <a:xfrm>
          <a:off x="20167111" y="6947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89628</xdr:rowOff>
    </xdr:from>
    <xdr:ext cx="534377" cy="259045"/>
    <xdr:sp macro="" textlink="">
      <xdr:nvSpPr>
        <xdr:cNvPr id="608" name="n_3mainValue【一般廃棄物処理施設】&#10;一人当たり有形固定資産（償却資産）額">
          <a:extLst>
            <a:ext uri="{FF2B5EF4-FFF2-40B4-BE49-F238E27FC236}">
              <a16:creationId xmlns:a16="http://schemas.microsoft.com/office/drawing/2014/main" id="{DE30F014-465F-4F65-B9A5-6BDD25FD0A9C}"/>
            </a:ext>
          </a:extLst>
        </xdr:cNvPr>
        <xdr:cNvSpPr txBox="1"/>
      </xdr:nvSpPr>
      <xdr:spPr>
        <a:xfrm>
          <a:off x="19278111" y="6947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2</xdr:row>
      <xdr:rowOff>55044</xdr:rowOff>
    </xdr:from>
    <xdr:ext cx="599010" cy="259045"/>
    <xdr:sp macro="" textlink="">
      <xdr:nvSpPr>
        <xdr:cNvPr id="609" name="n_4mainValue【一般廃棄物処理施設】&#10;一人当たり有形固定資産（償却資産）額">
          <a:extLst>
            <a:ext uri="{FF2B5EF4-FFF2-40B4-BE49-F238E27FC236}">
              <a16:creationId xmlns:a16="http://schemas.microsoft.com/office/drawing/2014/main" id="{0F741402-D042-4594-BC05-AAA8A4F48A16}"/>
            </a:ext>
          </a:extLst>
        </xdr:cNvPr>
        <xdr:cNvSpPr txBox="1"/>
      </xdr:nvSpPr>
      <xdr:spPr>
        <a:xfrm>
          <a:off x="18356795" y="5541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a:extLst>
            <a:ext uri="{FF2B5EF4-FFF2-40B4-BE49-F238E27FC236}">
              <a16:creationId xmlns:a16="http://schemas.microsoft.com/office/drawing/2014/main" id="{88CF042E-9252-469A-886F-3D5DF4BED97E}"/>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a:extLst>
            <a:ext uri="{FF2B5EF4-FFF2-40B4-BE49-F238E27FC236}">
              <a16:creationId xmlns:a16="http://schemas.microsoft.com/office/drawing/2014/main" id="{0A22FD77-F34E-48A4-A35B-7D29AF514E82}"/>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a:extLst>
            <a:ext uri="{FF2B5EF4-FFF2-40B4-BE49-F238E27FC236}">
              <a16:creationId xmlns:a16="http://schemas.microsoft.com/office/drawing/2014/main" id="{C9FE0BB0-E521-43DE-A511-1F4595274B9D}"/>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a:extLst>
            <a:ext uri="{FF2B5EF4-FFF2-40B4-BE49-F238E27FC236}">
              <a16:creationId xmlns:a16="http://schemas.microsoft.com/office/drawing/2014/main" id="{64371F02-63EF-433D-BC99-3439C1D57D43}"/>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a:extLst>
            <a:ext uri="{FF2B5EF4-FFF2-40B4-BE49-F238E27FC236}">
              <a16:creationId xmlns:a16="http://schemas.microsoft.com/office/drawing/2014/main" id="{8FF5747C-F843-4885-B426-5BBD7DDFFC99}"/>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a:extLst>
            <a:ext uri="{FF2B5EF4-FFF2-40B4-BE49-F238E27FC236}">
              <a16:creationId xmlns:a16="http://schemas.microsoft.com/office/drawing/2014/main" id="{AA6CA43F-51AD-489B-AB45-7C21034CD468}"/>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a:extLst>
            <a:ext uri="{FF2B5EF4-FFF2-40B4-BE49-F238E27FC236}">
              <a16:creationId xmlns:a16="http://schemas.microsoft.com/office/drawing/2014/main" id="{AC187570-661D-4C95-9601-9CC6EFDCD1C7}"/>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a:extLst>
            <a:ext uri="{FF2B5EF4-FFF2-40B4-BE49-F238E27FC236}">
              <a16:creationId xmlns:a16="http://schemas.microsoft.com/office/drawing/2014/main" id="{53402F60-572E-4E91-BDE4-1ACBB5A334D7}"/>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618" name="正方形/長方形 617">
          <a:extLst>
            <a:ext uri="{FF2B5EF4-FFF2-40B4-BE49-F238E27FC236}">
              <a16:creationId xmlns:a16="http://schemas.microsoft.com/office/drawing/2014/main" id="{8D737584-F138-4B6F-94E8-D60091F7A8E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9" name="正方形/長方形 618">
          <a:extLst>
            <a:ext uri="{FF2B5EF4-FFF2-40B4-BE49-F238E27FC236}">
              <a16:creationId xmlns:a16="http://schemas.microsoft.com/office/drawing/2014/main" id="{7C6DC5A6-E740-44F4-BF3A-3992337860C6}"/>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20" name="正方形/長方形 619">
          <a:extLst>
            <a:ext uri="{FF2B5EF4-FFF2-40B4-BE49-F238E27FC236}">
              <a16:creationId xmlns:a16="http://schemas.microsoft.com/office/drawing/2014/main" id="{E855449B-1AF5-423D-AF68-F1CD9307863C}"/>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21" name="正方形/長方形 620">
          <a:extLst>
            <a:ext uri="{FF2B5EF4-FFF2-40B4-BE49-F238E27FC236}">
              <a16:creationId xmlns:a16="http://schemas.microsoft.com/office/drawing/2014/main" id="{972E45BA-9F90-4428-8159-3E9D77F2730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22" name="正方形/長方形 621">
          <a:extLst>
            <a:ext uri="{FF2B5EF4-FFF2-40B4-BE49-F238E27FC236}">
              <a16:creationId xmlns:a16="http://schemas.microsoft.com/office/drawing/2014/main" id="{D5826531-EC62-4FA2-A3FD-B150D1A76B94}"/>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23" name="正方形/長方形 622">
          <a:extLst>
            <a:ext uri="{FF2B5EF4-FFF2-40B4-BE49-F238E27FC236}">
              <a16:creationId xmlns:a16="http://schemas.microsoft.com/office/drawing/2014/main" id="{4D6DF791-AF96-434A-89C0-46ECAB864C4B}"/>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24" name="正方形/長方形 623">
          <a:extLst>
            <a:ext uri="{FF2B5EF4-FFF2-40B4-BE49-F238E27FC236}">
              <a16:creationId xmlns:a16="http://schemas.microsoft.com/office/drawing/2014/main" id="{1709C3E0-4061-48FA-9ED4-B36B0490B843}"/>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25" name="正方形/長方形 624">
          <a:extLst>
            <a:ext uri="{FF2B5EF4-FFF2-40B4-BE49-F238E27FC236}">
              <a16:creationId xmlns:a16="http://schemas.microsoft.com/office/drawing/2014/main" id="{0F30B099-7B05-4C67-8F7D-1B227F5B1BB9}"/>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626" name="正方形/長方形 625">
          <a:extLst>
            <a:ext uri="{FF2B5EF4-FFF2-40B4-BE49-F238E27FC236}">
              <a16:creationId xmlns:a16="http://schemas.microsoft.com/office/drawing/2014/main" id="{82C609CC-4641-4C91-9221-27E0A1B36A3B}"/>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7" name="正方形/長方形 626">
          <a:extLst>
            <a:ext uri="{FF2B5EF4-FFF2-40B4-BE49-F238E27FC236}">
              <a16:creationId xmlns:a16="http://schemas.microsoft.com/office/drawing/2014/main" id="{8BAA1496-1CC6-4155-A771-7A1C8BB30DA3}"/>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8" name="正方形/長方形 627">
          <a:extLst>
            <a:ext uri="{FF2B5EF4-FFF2-40B4-BE49-F238E27FC236}">
              <a16:creationId xmlns:a16="http://schemas.microsoft.com/office/drawing/2014/main" id="{08B4D3AC-B233-45A5-B828-878B113F83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9" name="正方形/長方形 628">
          <a:extLst>
            <a:ext uri="{FF2B5EF4-FFF2-40B4-BE49-F238E27FC236}">
              <a16:creationId xmlns:a16="http://schemas.microsoft.com/office/drawing/2014/main" id="{A36588EF-D392-420E-AB7C-7090D74FF69D}"/>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0" name="正方形/長方形 629">
          <a:extLst>
            <a:ext uri="{FF2B5EF4-FFF2-40B4-BE49-F238E27FC236}">
              <a16:creationId xmlns:a16="http://schemas.microsoft.com/office/drawing/2014/main" id="{AA178310-2352-4393-A32C-391A4B285085}"/>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1" name="正方形/長方形 630">
          <a:extLst>
            <a:ext uri="{FF2B5EF4-FFF2-40B4-BE49-F238E27FC236}">
              <a16:creationId xmlns:a16="http://schemas.microsoft.com/office/drawing/2014/main" id="{EC16137D-E9C3-4FC9-8C94-B0FD49400B2F}"/>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2" name="正方形/長方形 631">
          <a:extLst>
            <a:ext uri="{FF2B5EF4-FFF2-40B4-BE49-F238E27FC236}">
              <a16:creationId xmlns:a16="http://schemas.microsoft.com/office/drawing/2014/main" id="{749CBCAF-75C1-485B-BA26-46737A6BD0C5}"/>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3" name="正方形/長方形 632">
          <a:extLst>
            <a:ext uri="{FF2B5EF4-FFF2-40B4-BE49-F238E27FC236}">
              <a16:creationId xmlns:a16="http://schemas.microsoft.com/office/drawing/2014/main" id="{EE371F36-E0BB-4A20-945D-30A945D83202}"/>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4" name="テキスト ボックス 633">
          <a:extLst>
            <a:ext uri="{FF2B5EF4-FFF2-40B4-BE49-F238E27FC236}">
              <a16:creationId xmlns:a16="http://schemas.microsoft.com/office/drawing/2014/main" id="{0A240CAC-D588-4B35-BD79-B06BC85BC534}"/>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5" name="直線コネクタ 634">
          <a:extLst>
            <a:ext uri="{FF2B5EF4-FFF2-40B4-BE49-F238E27FC236}">
              <a16:creationId xmlns:a16="http://schemas.microsoft.com/office/drawing/2014/main" id="{64589376-CBC3-47B7-941B-006F21CFAE0E}"/>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6" name="テキスト ボックス 635">
          <a:extLst>
            <a:ext uri="{FF2B5EF4-FFF2-40B4-BE49-F238E27FC236}">
              <a16:creationId xmlns:a16="http://schemas.microsoft.com/office/drawing/2014/main" id="{012A0C0E-9A14-4404-871F-AC26A01750D0}"/>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7" name="直線コネクタ 636">
          <a:extLst>
            <a:ext uri="{FF2B5EF4-FFF2-40B4-BE49-F238E27FC236}">
              <a16:creationId xmlns:a16="http://schemas.microsoft.com/office/drawing/2014/main" id="{D6D5F04C-F26F-4C28-947F-FAE881448E0F}"/>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8" name="テキスト ボックス 637">
          <a:extLst>
            <a:ext uri="{FF2B5EF4-FFF2-40B4-BE49-F238E27FC236}">
              <a16:creationId xmlns:a16="http://schemas.microsoft.com/office/drawing/2014/main" id="{7F79D185-9281-44BC-8BFA-BF56F8BB1234}"/>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9" name="直線コネクタ 638">
          <a:extLst>
            <a:ext uri="{FF2B5EF4-FFF2-40B4-BE49-F238E27FC236}">
              <a16:creationId xmlns:a16="http://schemas.microsoft.com/office/drawing/2014/main" id="{BD29CB6B-5B09-456C-B378-9C9E3EE4498B}"/>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40" name="テキスト ボックス 639">
          <a:extLst>
            <a:ext uri="{FF2B5EF4-FFF2-40B4-BE49-F238E27FC236}">
              <a16:creationId xmlns:a16="http://schemas.microsoft.com/office/drawing/2014/main" id="{968500D1-9EC2-4072-B29B-E1028D104F75}"/>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1" name="直線コネクタ 640">
          <a:extLst>
            <a:ext uri="{FF2B5EF4-FFF2-40B4-BE49-F238E27FC236}">
              <a16:creationId xmlns:a16="http://schemas.microsoft.com/office/drawing/2014/main" id="{8C79AE9B-4DA2-4657-BEF7-F031D30F713E}"/>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2" name="テキスト ボックス 641">
          <a:extLst>
            <a:ext uri="{FF2B5EF4-FFF2-40B4-BE49-F238E27FC236}">
              <a16:creationId xmlns:a16="http://schemas.microsoft.com/office/drawing/2014/main" id="{F30B29F0-D092-4590-B07B-4AD9C23D7C55}"/>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3" name="直線コネクタ 642">
          <a:extLst>
            <a:ext uri="{FF2B5EF4-FFF2-40B4-BE49-F238E27FC236}">
              <a16:creationId xmlns:a16="http://schemas.microsoft.com/office/drawing/2014/main" id="{49A8C72A-97C6-4BBB-96B5-CBD679E29E65}"/>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4" name="テキスト ボックス 643">
          <a:extLst>
            <a:ext uri="{FF2B5EF4-FFF2-40B4-BE49-F238E27FC236}">
              <a16:creationId xmlns:a16="http://schemas.microsoft.com/office/drawing/2014/main" id="{9E8B47ED-AD25-4834-90B5-44326ECD5668}"/>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5" name="直線コネクタ 644">
          <a:extLst>
            <a:ext uri="{FF2B5EF4-FFF2-40B4-BE49-F238E27FC236}">
              <a16:creationId xmlns:a16="http://schemas.microsoft.com/office/drawing/2014/main" id="{77306DE8-FC17-42B7-AD3A-928B90810C31}"/>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6" name="テキスト ボックス 645">
          <a:extLst>
            <a:ext uri="{FF2B5EF4-FFF2-40B4-BE49-F238E27FC236}">
              <a16:creationId xmlns:a16="http://schemas.microsoft.com/office/drawing/2014/main" id="{CFD78681-1269-49F8-946A-C19E1E8FD365}"/>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7" name="直線コネクタ 646">
          <a:extLst>
            <a:ext uri="{FF2B5EF4-FFF2-40B4-BE49-F238E27FC236}">
              <a16:creationId xmlns:a16="http://schemas.microsoft.com/office/drawing/2014/main" id="{18FDD7D9-5444-4ECE-9E93-8A5D9F212B48}"/>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8" name="テキスト ボックス 647">
          <a:extLst>
            <a:ext uri="{FF2B5EF4-FFF2-40B4-BE49-F238E27FC236}">
              <a16:creationId xmlns:a16="http://schemas.microsoft.com/office/drawing/2014/main" id="{FD6AFF9E-9A08-4DB9-8A16-AD005B66E4F0}"/>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9" name="【消防施設】&#10;有形固定資産減価償却率グラフ枠">
          <a:extLst>
            <a:ext uri="{FF2B5EF4-FFF2-40B4-BE49-F238E27FC236}">
              <a16:creationId xmlns:a16="http://schemas.microsoft.com/office/drawing/2014/main" id="{E0176EDA-F0EA-474A-AA9D-84E521F186F2}"/>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59055</xdr:rowOff>
    </xdr:from>
    <xdr:to>
      <xdr:col>85</xdr:col>
      <xdr:colOff>126364</xdr:colOff>
      <xdr:row>85</xdr:row>
      <xdr:rowOff>154305</xdr:rowOff>
    </xdr:to>
    <xdr:cxnSp macro="">
      <xdr:nvCxnSpPr>
        <xdr:cNvPr id="650" name="直線コネクタ 649">
          <a:extLst>
            <a:ext uri="{FF2B5EF4-FFF2-40B4-BE49-F238E27FC236}">
              <a16:creationId xmlns:a16="http://schemas.microsoft.com/office/drawing/2014/main" id="{9198F3D9-586E-4546-9212-119F94F9A1AC}"/>
            </a:ext>
          </a:extLst>
        </xdr:cNvPr>
        <xdr:cNvCxnSpPr/>
      </xdr:nvCxnSpPr>
      <xdr:spPr>
        <a:xfrm flipV="1">
          <a:off x="16318864" y="13432155"/>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58132</xdr:rowOff>
    </xdr:from>
    <xdr:ext cx="405111" cy="259045"/>
    <xdr:sp macro="" textlink="">
      <xdr:nvSpPr>
        <xdr:cNvPr id="651" name="【消防施設】&#10;有形固定資産減価償却率最小値テキスト">
          <a:extLst>
            <a:ext uri="{FF2B5EF4-FFF2-40B4-BE49-F238E27FC236}">
              <a16:creationId xmlns:a16="http://schemas.microsoft.com/office/drawing/2014/main" id="{AADB7E44-25B6-4883-9A03-34232883F773}"/>
            </a:ext>
          </a:extLst>
        </xdr:cNvPr>
        <xdr:cNvSpPr txBox="1"/>
      </xdr:nvSpPr>
      <xdr:spPr>
        <a:xfrm>
          <a:off x="16357600" y="1473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54305</xdr:rowOff>
    </xdr:from>
    <xdr:to>
      <xdr:col>86</xdr:col>
      <xdr:colOff>25400</xdr:colOff>
      <xdr:row>85</xdr:row>
      <xdr:rowOff>154305</xdr:rowOff>
    </xdr:to>
    <xdr:cxnSp macro="">
      <xdr:nvCxnSpPr>
        <xdr:cNvPr id="652" name="直線コネクタ 651">
          <a:extLst>
            <a:ext uri="{FF2B5EF4-FFF2-40B4-BE49-F238E27FC236}">
              <a16:creationId xmlns:a16="http://schemas.microsoft.com/office/drawing/2014/main" id="{7C31A3CB-9360-4DCF-ACB6-B18045343B4B}"/>
            </a:ext>
          </a:extLst>
        </xdr:cNvPr>
        <xdr:cNvCxnSpPr/>
      </xdr:nvCxnSpPr>
      <xdr:spPr>
        <a:xfrm>
          <a:off x="16230600" y="1472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5732</xdr:rowOff>
    </xdr:from>
    <xdr:ext cx="405111" cy="259045"/>
    <xdr:sp macro="" textlink="">
      <xdr:nvSpPr>
        <xdr:cNvPr id="653" name="【消防施設】&#10;有形固定資産減価償却率最大値テキスト">
          <a:extLst>
            <a:ext uri="{FF2B5EF4-FFF2-40B4-BE49-F238E27FC236}">
              <a16:creationId xmlns:a16="http://schemas.microsoft.com/office/drawing/2014/main" id="{49D9F2A1-39DE-41CF-8972-26DB4E25134A}"/>
            </a:ext>
          </a:extLst>
        </xdr:cNvPr>
        <xdr:cNvSpPr txBox="1"/>
      </xdr:nvSpPr>
      <xdr:spPr>
        <a:xfrm>
          <a:off x="16357600" y="13207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9055</xdr:rowOff>
    </xdr:from>
    <xdr:to>
      <xdr:col>86</xdr:col>
      <xdr:colOff>25400</xdr:colOff>
      <xdr:row>78</xdr:row>
      <xdr:rowOff>59055</xdr:rowOff>
    </xdr:to>
    <xdr:cxnSp macro="">
      <xdr:nvCxnSpPr>
        <xdr:cNvPr id="654" name="直線コネクタ 653">
          <a:extLst>
            <a:ext uri="{FF2B5EF4-FFF2-40B4-BE49-F238E27FC236}">
              <a16:creationId xmlns:a16="http://schemas.microsoft.com/office/drawing/2014/main" id="{4E4BC62B-6E30-4714-9AEF-956D8477F3F5}"/>
            </a:ext>
          </a:extLst>
        </xdr:cNvPr>
        <xdr:cNvCxnSpPr/>
      </xdr:nvCxnSpPr>
      <xdr:spPr>
        <a:xfrm>
          <a:off x="16230600" y="13432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51147</xdr:rowOff>
    </xdr:from>
    <xdr:ext cx="405111" cy="259045"/>
    <xdr:sp macro="" textlink="">
      <xdr:nvSpPr>
        <xdr:cNvPr id="655" name="【消防施設】&#10;有形固定資産減価償却率平均値テキスト">
          <a:extLst>
            <a:ext uri="{FF2B5EF4-FFF2-40B4-BE49-F238E27FC236}">
              <a16:creationId xmlns:a16="http://schemas.microsoft.com/office/drawing/2014/main" id="{E526E113-57E6-4730-AD7C-873660A47593}"/>
            </a:ext>
          </a:extLst>
        </xdr:cNvPr>
        <xdr:cNvSpPr txBox="1"/>
      </xdr:nvSpPr>
      <xdr:spPr>
        <a:xfrm>
          <a:off x="16357600" y="13867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28270</xdr:rowOff>
    </xdr:from>
    <xdr:to>
      <xdr:col>85</xdr:col>
      <xdr:colOff>177800</xdr:colOff>
      <xdr:row>82</xdr:row>
      <xdr:rowOff>58420</xdr:rowOff>
    </xdr:to>
    <xdr:sp macro="" textlink="">
      <xdr:nvSpPr>
        <xdr:cNvPr id="656" name="フローチャート: 判断 655">
          <a:extLst>
            <a:ext uri="{FF2B5EF4-FFF2-40B4-BE49-F238E27FC236}">
              <a16:creationId xmlns:a16="http://schemas.microsoft.com/office/drawing/2014/main" id="{A4118B62-3715-4375-904F-AA2DA95D0BEA}"/>
            </a:ext>
          </a:extLst>
        </xdr:cNvPr>
        <xdr:cNvSpPr/>
      </xdr:nvSpPr>
      <xdr:spPr>
        <a:xfrm>
          <a:off x="16268700" y="1401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5411</xdr:rowOff>
    </xdr:from>
    <xdr:to>
      <xdr:col>81</xdr:col>
      <xdr:colOff>101600</xdr:colOff>
      <xdr:row>82</xdr:row>
      <xdr:rowOff>35561</xdr:rowOff>
    </xdr:to>
    <xdr:sp macro="" textlink="">
      <xdr:nvSpPr>
        <xdr:cNvPr id="657" name="フローチャート: 判断 656">
          <a:extLst>
            <a:ext uri="{FF2B5EF4-FFF2-40B4-BE49-F238E27FC236}">
              <a16:creationId xmlns:a16="http://schemas.microsoft.com/office/drawing/2014/main" id="{69F56A6C-333C-4E4E-AE65-E83D8C454807}"/>
            </a:ext>
          </a:extLst>
        </xdr:cNvPr>
        <xdr:cNvSpPr/>
      </xdr:nvSpPr>
      <xdr:spPr>
        <a:xfrm>
          <a:off x="15430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14936</xdr:rowOff>
    </xdr:from>
    <xdr:to>
      <xdr:col>76</xdr:col>
      <xdr:colOff>165100</xdr:colOff>
      <xdr:row>82</xdr:row>
      <xdr:rowOff>45086</xdr:rowOff>
    </xdr:to>
    <xdr:sp macro="" textlink="">
      <xdr:nvSpPr>
        <xdr:cNvPr id="658" name="フローチャート: 判断 657">
          <a:extLst>
            <a:ext uri="{FF2B5EF4-FFF2-40B4-BE49-F238E27FC236}">
              <a16:creationId xmlns:a16="http://schemas.microsoft.com/office/drawing/2014/main" id="{DB72E983-5AA9-46E7-B329-DF377CAEE24A}"/>
            </a:ext>
          </a:extLst>
        </xdr:cNvPr>
        <xdr:cNvSpPr/>
      </xdr:nvSpPr>
      <xdr:spPr>
        <a:xfrm>
          <a:off x="14541500" y="14002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22555</xdr:rowOff>
    </xdr:from>
    <xdr:to>
      <xdr:col>72</xdr:col>
      <xdr:colOff>38100</xdr:colOff>
      <xdr:row>82</xdr:row>
      <xdr:rowOff>52705</xdr:rowOff>
    </xdr:to>
    <xdr:sp macro="" textlink="">
      <xdr:nvSpPr>
        <xdr:cNvPr id="659" name="フローチャート: 判断 658">
          <a:extLst>
            <a:ext uri="{FF2B5EF4-FFF2-40B4-BE49-F238E27FC236}">
              <a16:creationId xmlns:a16="http://schemas.microsoft.com/office/drawing/2014/main" id="{778CFE89-807C-4768-92C5-3136FC0EF6AE}"/>
            </a:ext>
          </a:extLst>
        </xdr:cNvPr>
        <xdr:cNvSpPr/>
      </xdr:nvSpPr>
      <xdr:spPr>
        <a:xfrm>
          <a:off x="13652500" y="1401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24461</xdr:rowOff>
    </xdr:from>
    <xdr:to>
      <xdr:col>67</xdr:col>
      <xdr:colOff>101600</xdr:colOff>
      <xdr:row>82</xdr:row>
      <xdr:rowOff>54611</xdr:rowOff>
    </xdr:to>
    <xdr:sp macro="" textlink="">
      <xdr:nvSpPr>
        <xdr:cNvPr id="660" name="フローチャート: 判断 659">
          <a:extLst>
            <a:ext uri="{FF2B5EF4-FFF2-40B4-BE49-F238E27FC236}">
              <a16:creationId xmlns:a16="http://schemas.microsoft.com/office/drawing/2014/main" id="{24D36D10-87B1-4F88-8D9D-2B6150274702}"/>
            </a:ext>
          </a:extLst>
        </xdr:cNvPr>
        <xdr:cNvSpPr/>
      </xdr:nvSpPr>
      <xdr:spPr>
        <a:xfrm>
          <a:off x="12763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id="{EC314FF2-B72E-4122-8288-5889BAC98EF7}"/>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14AC0B0C-1B8D-4A12-93D2-AEA8F3C2CE0E}"/>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D327CD9E-6B5C-4769-B2DE-DFB20DFB61B2}"/>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id="{D97F8184-2233-470D-AFBE-676314E4DCC2}"/>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5" name="テキスト ボックス 664">
          <a:extLst>
            <a:ext uri="{FF2B5EF4-FFF2-40B4-BE49-F238E27FC236}">
              <a16:creationId xmlns:a16="http://schemas.microsoft.com/office/drawing/2014/main" id="{CA4E5DDC-83F5-498F-814D-3A37CDFDEC44}"/>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68275</xdr:rowOff>
    </xdr:from>
    <xdr:to>
      <xdr:col>85</xdr:col>
      <xdr:colOff>177800</xdr:colOff>
      <xdr:row>83</xdr:row>
      <xdr:rowOff>98425</xdr:rowOff>
    </xdr:to>
    <xdr:sp macro="" textlink="">
      <xdr:nvSpPr>
        <xdr:cNvPr id="666" name="楕円 665">
          <a:extLst>
            <a:ext uri="{FF2B5EF4-FFF2-40B4-BE49-F238E27FC236}">
              <a16:creationId xmlns:a16="http://schemas.microsoft.com/office/drawing/2014/main" id="{C1E863E5-B20B-48C5-8341-6554B6266C70}"/>
            </a:ext>
          </a:extLst>
        </xdr:cNvPr>
        <xdr:cNvSpPr/>
      </xdr:nvSpPr>
      <xdr:spPr>
        <a:xfrm>
          <a:off x="16268700" y="14227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46702</xdr:rowOff>
    </xdr:from>
    <xdr:ext cx="405111" cy="259045"/>
    <xdr:sp macro="" textlink="">
      <xdr:nvSpPr>
        <xdr:cNvPr id="667" name="【消防施設】&#10;有形固定資産減価償却率該当値テキスト">
          <a:extLst>
            <a:ext uri="{FF2B5EF4-FFF2-40B4-BE49-F238E27FC236}">
              <a16:creationId xmlns:a16="http://schemas.microsoft.com/office/drawing/2014/main" id="{3218EC8D-AC4A-403C-8F2E-E1DCAC9031B5}"/>
            </a:ext>
          </a:extLst>
        </xdr:cNvPr>
        <xdr:cNvSpPr txBox="1"/>
      </xdr:nvSpPr>
      <xdr:spPr>
        <a:xfrm>
          <a:off x="16357600" y="14205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37795</xdr:rowOff>
    </xdr:from>
    <xdr:to>
      <xdr:col>81</xdr:col>
      <xdr:colOff>101600</xdr:colOff>
      <xdr:row>83</xdr:row>
      <xdr:rowOff>67945</xdr:rowOff>
    </xdr:to>
    <xdr:sp macro="" textlink="">
      <xdr:nvSpPr>
        <xdr:cNvPr id="668" name="楕円 667">
          <a:extLst>
            <a:ext uri="{FF2B5EF4-FFF2-40B4-BE49-F238E27FC236}">
              <a16:creationId xmlns:a16="http://schemas.microsoft.com/office/drawing/2014/main" id="{CFD02D8A-E779-4842-9082-974B64C1E5C6}"/>
            </a:ext>
          </a:extLst>
        </xdr:cNvPr>
        <xdr:cNvSpPr/>
      </xdr:nvSpPr>
      <xdr:spPr>
        <a:xfrm>
          <a:off x="15430500" y="1419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7145</xdr:rowOff>
    </xdr:from>
    <xdr:to>
      <xdr:col>85</xdr:col>
      <xdr:colOff>127000</xdr:colOff>
      <xdr:row>83</xdr:row>
      <xdr:rowOff>47625</xdr:rowOff>
    </xdr:to>
    <xdr:cxnSp macro="">
      <xdr:nvCxnSpPr>
        <xdr:cNvPr id="669" name="直線コネクタ 668">
          <a:extLst>
            <a:ext uri="{FF2B5EF4-FFF2-40B4-BE49-F238E27FC236}">
              <a16:creationId xmlns:a16="http://schemas.microsoft.com/office/drawing/2014/main" id="{2C7716F0-E329-4994-90F9-CE2D628A5B6E}"/>
            </a:ext>
          </a:extLst>
        </xdr:cNvPr>
        <xdr:cNvCxnSpPr/>
      </xdr:nvCxnSpPr>
      <xdr:spPr>
        <a:xfrm>
          <a:off x="15481300" y="14247495"/>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97789</xdr:rowOff>
    </xdr:from>
    <xdr:to>
      <xdr:col>76</xdr:col>
      <xdr:colOff>165100</xdr:colOff>
      <xdr:row>83</xdr:row>
      <xdr:rowOff>27939</xdr:rowOff>
    </xdr:to>
    <xdr:sp macro="" textlink="">
      <xdr:nvSpPr>
        <xdr:cNvPr id="670" name="楕円 669">
          <a:extLst>
            <a:ext uri="{FF2B5EF4-FFF2-40B4-BE49-F238E27FC236}">
              <a16:creationId xmlns:a16="http://schemas.microsoft.com/office/drawing/2014/main" id="{23C72108-1458-49D4-93FB-C3A232A0C163}"/>
            </a:ext>
          </a:extLst>
        </xdr:cNvPr>
        <xdr:cNvSpPr/>
      </xdr:nvSpPr>
      <xdr:spPr>
        <a:xfrm>
          <a:off x="14541500" y="14156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48589</xdr:rowOff>
    </xdr:from>
    <xdr:to>
      <xdr:col>81</xdr:col>
      <xdr:colOff>50800</xdr:colOff>
      <xdr:row>83</xdr:row>
      <xdr:rowOff>17145</xdr:rowOff>
    </xdr:to>
    <xdr:cxnSp macro="">
      <xdr:nvCxnSpPr>
        <xdr:cNvPr id="671" name="直線コネクタ 670">
          <a:extLst>
            <a:ext uri="{FF2B5EF4-FFF2-40B4-BE49-F238E27FC236}">
              <a16:creationId xmlns:a16="http://schemas.microsoft.com/office/drawing/2014/main" id="{0283908E-3453-4786-8BAE-CB93A5325965}"/>
            </a:ext>
          </a:extLst>
        </xdr:cNvPr>
        <xdr:cNvCxnSpPr/>
      </xdr:nvCxnSpPr>
      <xdr:spPr>
        <a:xfrm>
          <a:off x="14592300" y="14207489"/>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29211</xdr:rowOff>
    </xdr:from>
    <xdr:to>
      <xdr:col>72</xdr:col>
      <xdr:colOff>38100</xdr:colOff>
      <xdr:row>82</xdr:row>
      <xdr:rowOff>130811</xdr:rowOff>
    </xdr:to>
    <xdr:sp macro="" textlink="">
      <xdr:nvSpPr>
        <xdr:cNvPr id="672" name="楕円 671">
          <a:extLst>
            <a:ext uri="{FF2B5EF4-FFF2-40B4-BE49-F238E27FC236}">
              <a16:creationId xmlns:a16="http://schemas.microsoft.com/office/drawing/2014/main" id="{F042CEF7-AEC7-43A2-A5CD-91AD7E378FA4}"/>
            </a:ext>
          </a:extLst>
        </xdr:cNvPr>
        <xdr:cNvSpPr/>
      </xdr:nvSpPr>
      <xdr:spPr>
        <a:xfrm>
          <a:off x="13652500" y="1408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80011</xdr:rowOff>
    </xdr:from>
    <xdr:to>
      <xdr:col>76</xdr:col>
      <xdr:colOff>114300</xdr:colOff>
      <xdr:row>82</xdr:row>
      <xdr:rowOff>148589</xdr:rowOff>
    </xdr:to>
    <xdr:cxnSp macro="">
      <xdr:nvCxnSpPr>
        <xdr:cNvPr id="673" name="直線コネクタ 672">
          <a:extLst>
            <a:ext uri="{FF2B5EF4-FFF2-40B4-BE49-F238E27FC236}">
              <a16:creationId xmlns:a16="http://schemas.microsoft.com/office/drawing/2014/main" id="{16A147FA-4AD5-4217-9281-A5C7612E8873}"/>
            </a:ext>
          </a:extLst>
        </xdr:cNvPr>
        <xdr:cNvCxnSpPr/>
      </xdr:nvCxnSpPr>
      <xdr:spPr>
        <a:xfrm>
          <a:off x="13703300" y="14138911"/>
          <a:ext cx="8890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8255</xdr:rowOff>
    </xdr:from>
    <xdr:to>
      <xdr:col>67</xdr:col>
      <xdr:colOff>101600</xdr:colOff>
      <xdr:row>82</xdr:row>
      <xdr:rowOff>109855</xdr:rowOff>
    </xdr:to>
    <xdr:sp macro="" textlink="">
      <xdr:nvSpPr>
        <xdr:cNvPr id="674" name="楕円 673">
          <a:extLst>
            <a:ext uri="{FF2B5EF4-FFF2-40B4-BE49-F238E27FC236}">
              <a16:creationId xmlns:a16="http://schemas.microsoft.com/office/drawing/2014/main" id="{7C778B39-3C11-4E86-96B3-024B128063C9}"/>
            </a:ext>
          </a:extLst>
        </xdr:cNvPr>
        <xdr:cNvSpPr/>
      </xdr:nvSpPr>
      <xdr:spPr>
        <a:xfrm>
          <a:off x="12763500" y="1406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59055</xdr:rowOff>
    </xdr:from>
    <xdr:to>
      <xdr:col>71</xdr:col>
      <xdr:colOff>177800</xdr:colOff>
      <xdr:row>82</xdr:row>
      <xdr:rowOff>80011</xdr:rowOff>
    </xdr:to>
    <xdr:cxnSp macro="">
      <xdr:nvCxnSpPr>
        <xdr:cNvPr id="675" name="直線コネクタ 674">
          <a:extLst>
            <a:ext uri="{FF2B5EF4-FFF2-40B4-BE49-F238E27FC236}">
              <a16:creationId xmlns:a16="http://schemas.microsoft.com/office/drawing/2014/main" id="{D24330E9-8C25-4519-A341-78B25934FC27}"/>
            </a:ext>
          </a:extLst>
        </xdr:cNvPr>
        <xdr:cNvCxnSpPr/>
      </xdr:nvCxnSpPr>
      <xdr:spPr>
        <a:xfrm>
          <a:off x="12814300" y="14117955"/>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52088</xdr:rowOff>
    </xdr:from>
    <xdr:ext cx="405111" cy="259045"/>
    <xdr:sp macro="" textlink="">
      <xdr:nvSpPr>
        <xdr:cNvPr id="676" name="n_1aveValue【消防施設】&#10;有形固定資産減価償却率">
          <a:extLst>
            <a:ext uri="{FF2B5EF4-FFF2-40B4-BE49-F238E27FC236}">
              <a16:creationId xmlns:a16="http://schemas.microsoft.com/office/drawing/2014/main" id="{DAA7ED2E-1C2E-4E05-8997-5A85A674FA28}"/>
            </a:ext>
          </a:extLst>
        </xdr:cNvPr>
        <xdr:cNvSpPr txBox="1"/>
      </xdr:nvSpPr>
      <xdr:spPr>
        <a:xfrm>
          <a:off x="15266044" y="1376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61613</xdr:rowOff>
    </xdr:from>
    <xdr:ext cx="405111" cy="259045"/>
    <xdr:sp macro="" textlink="">
      <xdr:nvSpPr>
        <xdr:cNvPr id="677" name="n_2aveValue【消防施設】&#10;有形固定資産減価償却率">
          <a:extLst>
            <a:ext uri="{FF2B5EF4-FFF2-40B4-BE49-F238E27FC236}">
              <a16:creationId xmlns:a16="http://schemas.microsoft.com/office/drawing/2014/main" id="{6B29338C-05C7-45B7-B747-448BC7CECACF}"/>
            </a:ext>
          </a:extLst>
        </xdr:cNvPr>
        <xdr:cNvSpPr txBox="1"/>
      </xdr:nvSpPr>
      <xdr:spPr>
        <a:xfrm>
          <a:off x="14389744" y="13777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69232</xdr:rowOff>
    </xdr:from>
    <xdr:ext cx="405111" cy="259045"/>
    <xdr:sp macro="" textlink="">
      <xdr:nvSpPr>
        <xdr:cNvPr id="678" name="n_3aveValue【消防施設】&#10;有形固定資産減価償却率">
          <a:extLst>
            <a:ext uri="{FF2B5EF4-FFF2-40B4-BE49-F238E27FC236}">
              <a16:creationId xmlns:a16="http://schemas.microsoft.com/office/drawing/2014/main" id="{190AABEA-D2CA-464E-864B-F93A520C804A}"/>
            </a:ext>
          </a:extLst>
        </xdr:cNvPr>
        <xdr:cNvSpPr txBox="1"/>
      </xdr:nvSpPr>
      <xdr:spPr>
        <a:xfrm>
          <a:off x="13500744" y="13785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71138</xdr:rowOff>
    </xdr:from>
    <xdr:ext cx="405111" cy="259045"/>
    <xdr:sp macro="" textlink="">
      <xdr:nvSpPr>
        <xdr:cNvPr id="679" name="n_4aveValue【消防施設】&#10;有形固定資産減価償却率">
          <a:extLst>
            <a:ext uri="{FF2B5EF4-FFF2-40B4-BE49-F238E27FC236}">
              <a16:creationId xmlns:a16="http://schemas.microsoft.com/office/drawing/2014/main" id="{E1824914-C83B-4DAC-A2C6-2E31813A6A27}"/>
            </a:ext>
          </a:extLst>
        </xdr:cNvPr>
        <xdr:cNvSpPr txBox="1"/>
      </xdr:nvSpPr>
      <xdr:spPr>
        <a:xfrm>
          <a:off x="12611744" y="1378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59072</xdr:rowOff>
    </xdr:from>
    <xdr:ext cx="405111" cy="259045"/>
    <xdr:sp macro="" textlink="">
      <xdr:nvSpPr>
        <xdr:cNvPr id="680" name="n_1mainValue【消防施設】&#10;有形固定資産減価償却率">
          <a:extLst>
            <a:ext uri="{FF2B5EF4-FFF2-40B4-BE49-F238E27FC236}">
              <a16:creationId xmlns:a16="http://schemas.microsoft.com/office/drawing/2014/main" id="{19BDC7F2-E5BD-4AD1-B5A1-779CA419D55A}"/>
            </a:ext>
          </a:extLst>
        </xdr:cNvPr>
        <xdr:cNvSpPr txBox="1"/>
      </xdr:nvSpPr>
      <xdr:spPr>
        <a:xfrm>
          <a:off x="15266044" y="1428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9066</xdr:rowOff>
    </xdr:from>
    <xdr:ext cx="405111" cy="259045"/>
    <xdr:sp macro="" textlink="">
      <xdr:nvSpPr>
        <xdr:cNvPr id="681" name="n_2mainValue【消防施設】&#10;有形固定資産減価償却率">
          <a:extLst>
            <a:ext uri="{FF2B5EF4-FFF2-40B4-BE49-F238E27FC236}">
              <a16:creationId xmlns:a16="http://schemas.microsoft.com/office/drawing/2014/main" id="{D9B12D65-F10E-4657-B35C-6F808CB89627}"/>
            </a:ext>
          </a:extLst>
        </xdr:cNvPr>
        <xdr:cNvSpPr txBox="1"/>
      </xdr:nvSpPr>
      <xdr:spPr>
        <a:xfrm>
          <a:off x="14389744" y="14249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21938</xdr:rowOff>
    </xdr:from>
    <xdr:ext cx="405111" cy="259045"/>
    <xdr:sp macro="" textlink="">
      <xdr:nvSpPr>
        <xdr:cNvPr id="682" name="n_3mainValue【消防施設】&#10;有形固定資産減価償却率">
          <a:extLst>
            <a:ext uri="{FF2B5EF4-FFF2-40B4-BE49-F238E27FC236}">
              <a16:creationId xmlns:a16="http://schemas.microsoft.com/office/drawing/2014/main" id="{82711D1A-A461-4FA9-9AE1-4FEDD35CA1BB}"/>
            </a:ext>
          </a:extLst>
        </xdr:cNvPr>
        <xdr:cNvSpPr txBox="1"/>
      </xdr:nvSpPr>
      <xdr:spPr>
        <a:xfrm>
          <a:off x="13500744" y="14180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00982</xdr:rowOff>
    </xdr:from>
    <xdr:ext cx="405111" cy="259045"/>
    <xdr:sp macro="" textlink="">
      <xdr:nvSpPr>
        <xdr:cNvPr id="683" name="n_4mainValue【消防施設】&#10;有形固定資産減価償却率">
          <a:extLst>
            <a:ext uri="{FF2B5EF4-FFF2-40B4-BE49-F238E27FC236}">
              <a16:creationId xmlns:a16="http://schemas.microsoft.com/office/drawing/2014/main" id="{2FEBD8B4-F183-41CF-88B6-1E22EF839A89}"/>
            </a:ext>
          </a:extLst>
        </xdr:cNvPr>
        <xdr:cNvSpPr txBox="1"/>
      </xdr:nvSpPr>
      <xdr:spPr>
        <a:xfrm>
          <a:off x="12611744" y="14159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4" name="正方形/長方形 683">
          <a:extLst>
            <a:ext uri="{FF2B5EF4-FFF2-40B4-BE49-F238E27FC236}">
              <a16:creationId xmlns:a16="http://schemas.microsoft.com/office/drawing/2014/main" id="{2EBE34D9-10B2-4ACD-BCBC-8B8F6B70FEAF}"/>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5" name="正方形/長方形 684">
          <a:extLst>
            <a:ext uri="{FF2B5EF4-FFF2-40B4-BE49-F238E27FC236}">
              <a16:creationId xmlns:a16="http://schemas.microsoft.com/office/drawing/2014/main" id="{CAA0AFE8-3738-4FB1-A0A8-B767B6126656}"/>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6" name="正方形/長方形 685">
          <a:extLst>
            <a:ext uri="{FF2B5EF4-FFF2-40B4-BE49-F238E27FC236}">
              <a16:creationId xmlns:a16="http://schemas.microsoft.com/office/drawing/2014/main" id="{0F15070E-515D-45DD-B1F7-E4CC5A1DB826}"/>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7" name="正方形/長方形 686">
          <a:extLst>
            <a:ext uri="{FF2B5EF4-FFF2-40B4-BE49-F238E27FC236}">
              <a16:creationId xmlns:a16="http://schemas.microsoft.com/office/drawing/2014/main" id="{8B275ECA-5599-498B-A14A-9696FE681CFA}"/>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8" name="正方形/長方形 687">
          <a:extLst>
            <a:ext uri="{FF2B5EF4-FFF2-40B4-BE49-F238E27FC236}">
              <a16:creationId xmlns:a16="http://schemas.microsoft.com/office/drawing/2014/main" id="{155B3405-8924-4AC4-A74C-36CFDBC310AE}"/>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9" name="正方形/長方形 688">
          <a:extLst>
            <a:ext uri="{FF2B5EF4-FFF2-40B4-BE49-F238E27FC236}">
              <a16:creationId xmlns:a16="http://schemas.microsoft.com/office/drawing/2014/main" id="{937389AD-203B-4BE6-BBB3-B68CB07BFD1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0" name="正方形/長方形 689">
          <a:extLst>
            <a:ext uri="{FF2B5EF4-FFF2-40B4-BE49-F238E27FC236}">
              <a16:creationId xmlns:a16="http://schemas.microsoft.com/office/drawing/2014/main" id="{3033AAA1-F6C4-47AD-AB5E-89A4CACF3DCE}"/>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1" name="正方形/長方形 690">
          <a:extLst>
            <a:ext uri="{FF2B5EF4-FFF2-40B4-BE49-F238E27FC236}">
              <a16:creationId xmlns:a16="http://schemas.microsoft.com/office/drawing/2014/main" id="{16586F11-9DC0-4FB3-9C9F-E1142892B618}"/>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2" name="テキスト ボックス 691">
          <a:extLst>
            <a:ext uri="{FF2B5EF4-FFF2-40B4-BE49-F238E27FC236}">
              <a16:creationId xmlns:a16="http://schemas.microsoft.com/office/drawing/2014/main" id="{8187AF93-5A98-47DD-8132-924871F0B815}"/>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3" name="直線コネクタ 692">
          <a:extLst>
            <a:ext uri="{FF2B5EF4-FFF2-40B4-BE49-F238E27FC236}">
              <a16:creationId xmlns:a16="http://schemas.microsoft.com/office/drawing/2014/main" id="{0BF3C4C2-7FB4-4BFD-8A07-A838F2BD5215}"/>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4" name="直線コネクタ 693">
          <a:extLst>
            <a:ext uri="{FF2B5EF4-FFF2-40B4-BE49-F238E27FC236}">
              <a16:creationId xmlns:a16="http://schemas.microsoft.com/office/drawing/2014/main" id="{1B5C8CEB-9FF7-49AD-83E0-7B55F5C6182E}"/>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5" name="テキスト ボックス 694">
          <a:extLst>
            <a:ext uri="{FF2B5EF4-FFF2-40B4-BE49-F238E27FC236}">
              <a16:creationId xmlns:a16="http://schemas.microsoft.com/office/drawing/2014/main" id="{6F05F7FD-1362-4EBE-89C9-89D647D742BC}"/>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6" name="直線コネクタ 695">
          <a:extLst>
            <a:ext uri="{FF2B5EF4-FFF2-40B4-BE49-F238E27FC236}">
              <a16:creationId xmlns:a16="http://schemas.microsoft.com/office/drawing/2014/main" id="{267FAD78-1C0A-491D-A185-C7FE8BF4BED7}"/>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7" name="テキスト ボックス 696">
          <a:extLst>
            <a:ext uri="{FF2B5EF4-FFF2-40B4-BE49-F238E27FC236}">
              <a16:creationId xmlns:a16="http://schemas.microsoft.com/office/drawing/2014/main" id="{3BE61159-9522-4754-8C27-0559E6B744CC}"/>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8" name="直線コネクタ 697">
          <a:extLst>
            <a:ext uri="{FF2B5EF4-FFF2-40B4-BE49-F238E27FC236}">
              <a16:creationId xmlns:a16="http://schemas.microsoft.com/office/drawing/2014/main" id="{D3665062-241D-4FFA-AC2E-11B08092A377}"/>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9" name="テキスト ボックス 698">
          <a:extLst>
            <a:ext uri="{FF2B5EF4-FFF2-40B4-BE49-F238E27FC236}">
              <a16:creationId xmlns:a16="http://schemas.microsoft.com/office/drawing/2014/main" id="{D32E0F6E-9289-45A8-9E75-670BF5948341}"/>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00" name="直線コネクタ 699">
          <a:extLst>
            <a:ext uri="{FF2B5EF4-FFF2-40B4-BE49-F238E27FC236}">
              <a16:creationId xmlns:a16="http://schemas.microsoft.com/office/drawing/2014/main" id="{80D8A02D-A818-4593-9F85-9311801203B3}"/>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1" name="テキスト ボックス 700">
          <a:extLst>
            <a:ext uri="{FF2B5EF4-FFF2-40B4-BE49-F238E27FC236}">
              <a16:creationId xmlns:a16="http://schemas.microsoft.com/office/drawing/2014/main" id="{E2EA7F72-D5E9-4156-9447-98DD360BDBEB}"/>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2" name="直線コネクタ 701">
          <a:extLst>
            <a:ext uri="{FF2B5EF4-FFF2-40B4-BE49-F238E27FC236}">
              <a16:creationId xmlns:a16="http://schemas.microsoft.com/office/drawing/2014/main" id="{9F030533-7B1B-4817-90D1-4F8561EB9200}"/>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3" name="テキスト ボックス 702">
          <a:extLst>
            <a:ext uri="{FF2B5EF4-FFF2-40B4-BE49-F238E27FC236}">
              <a16:creationId xmlns:a16="http://schemas.microsoft.com/office/drawing/2014/main" id="{BF05ED64-5034-4112-A39C-31C771EE5174}"/>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4" name="直線コネクタ 703">
          <a:extLst>
            <a:ext uri="{FF2B5EF4-FFF2-40B4-BE49-F238E27FC236}">
              <a16:creationId xmlns:a16="http://schemas.microsoft.com/office/drawing/2014/main" id="{2FBB7699-A14D-4ADC-8D72-B7D12FCD72DD}"/>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5" name="テキスト ボックス 704">
          <a:extLst>
            <a:ext uri="{FF2B5EF4-FFF2-40B4-BE49-F238E27FC236}">
              <a16:creationId xmlns:a16="http://schemas.microsoft.com/office/drawing/2014/main" id="{3E25F759-804B-4169-B5E6-AB02E578FA22}"/>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6" name="【消防施設】&#10;一人当たり面積グラフ枠">
          <a:extLst>
            <a:ext uri="{FF2B5EF4-FFF2-40B4-BE49-F238E27FC236}">
              <a16:creationId xmlns:a16="http://schemas.microsoft.com/office/drawing/2014/main" id="{91E320BC-604A-425E-AFCD-4109B8005A5B}"/>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0</xdr:rowOff>
    </xdr:from>
    <xdr:to>
      <xdr:col>116</xdr:col>
      <xdr:colOff>62864</xdr:colOff>
      <xdr:row>86</xdr:row>
      <xdr:rowOff>63500</xdr:rowOff>
    </xdr:to>
    <xdr:cxnSp macro="">
      <xdr:nvCxnSpPr>
        <xdr:cNvPr id="707" name="直線コネクタ 706">
          <a:extLst>
            <a:ext uri="{FF2B5EF4-FFF2-40B4-BE49-F238E27FC236}">
              <a16:creationId xmlns:a16="http://schemas.microsoft.com/office/drawing/2014/main" id="{BA6565D5-F756-4181-A7F7-F8A681ECFDFE}"/>
            </a:ext>
          </a:extLst>
        </xdr:cNvPr>
        <xdr:cNvCxnSpPr/>
      </xdr:nvCxnSpPr>
      <xdr:spPr>
        <a:xfrm flipV="1">
          <a:off x="22160864" y="13373100"/>
          <a:ext cx="0" cy="1435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708" name="【消防施設】&#10;一人当たり面積最小値テキスト">
          <a:extLst>
            <a:ext uri="{FF2B5EF4-FFF2-40B4-BE49-F238E27FC236}">
              <a16:creationId xmlns:a16="http://schemas.microsoft.com/office/drawing/2014/main" id="{FD221039-61B2-4EAD-A683-F6FBA19EA25C}"/>
            </a:ext>
          </a:extLst>
        </xdr:cNvPr>
        <xdr:cNvSpPr txBox="1"/>
      </xdr:nvSpPr>
      <xdr:spPr>
        <a:xfrm>
          <a:off x="22199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709" name="直線コネクタ 708">
          <a:extLst>
            <a:ext uri="{FF2B5EF4-FFF2-40B4-BE49-F238E27FC236}">
              <a16:creationId xmlns:a16="http://schemas.microsoft.com/office/drawing/2014/main" id="{F3D571A6-C89F-45F1-9DE9-26997671B0F9}"/>
            </a:ext>
          </a:extLst>
        </xdr:cNvPr>
        <xdr:cNvCxnSpPr/>
      </xdr:nvCxnSpPr>
      <xdr:spPr>
        <a:xfrm>
          <a:off x="22072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18127</xdr:rowOff>
    </xdr:from>
    <xdr:ext cx="469744" cy="259045"/>
    <xdr:sp macro="" textlink="">
      <xdr:nvSpPr>
        <xdr:cNvPr id="710" name="【消防施設】&#10;一人当たり面積最大値テキスト">
          <a:extLst>
            <a:ext uri="{FF2B5EF4-FFF2-40B4-BE49-F238E27FC236}">
              <a16:creationId xmlns:a16="http://schemas.microsoft.com/office/drawing/2014/main" id="{7985C30D-50E9-4DA9-A57A-4FDF1D33D3DA}"/>
            </a:ext>
          </a:extLst>
        </xdr:cNvPr>
        <xdr:cNvSpPr txBox="1"/>
      </xdr:nvSpPr>
      <xdr:spPr>
        <a:xfrm>
          <a:off x="22199600" y="1314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0</xdr:rowOff>
    </xdr:from>
    <xdr:to>
      <xdr:col>116</xdr:col>
      <xdr:colOff>152400</xdr:colOff>
      <xdr:row>78</xdr:row>
      <xdr:rowOff>0</xdr:rowOff>
    </xdr:to>
    <xdr:cxnSp macro="">
      <xdr:nvCxnSpPr>
        <xdr:cNvPr id="711" name="直線コネクタ 710">
          <a:extLst>
            <a:ext uri="{FF2B5EF4-FFF2-40B4-BE49-F238E27FC236}">
              <a16:creationId xmlns:a16="http://schemas.microsoft.com/office/drawing/2014/main" id="{201AB720-C885-4AFB-85CF-EAC1C55D0919}"/>
            </a:ext>
          </a:extLst>
        </xdr:cNvPr>
        <xdr:cNvCxnSpPr/>
      </xdr:nvCxnSpPr>
      <xdr:spPr>
        <a:xfrm>
          <a:off x="22072600" y="1337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11777</xdr:rowOff>
    </xdr:from>
    <xdr:ext cx="469744" cy="259045"/>
    <xdr:sp macro="" textlink="">
      <xdr:nvSpPr>
        <xdr:cNvPr id="712" name="【消防施設】&#10;一人当たり面積平均値テキスト">
          <a:extLst>
            <a:ext uri="{FF2B5EF4-FFF2-40B4-BE49-F238E27FC236}">
              <a16:creationId xmlns:a16="http://schemas.microsoft.com/office/drawing/2014/main" id="{FFF502CC-1173-443E-87B1-4FD85B6839ED}"/>
            </a:ext>
          </a:extLst>
        </xdr:cNvPr>
        <xdr:cNvSpPr txBox="1"/>
      </xdr:nvSpPr>
      <xdr:spPr>
        <a:xfrm>
          <a:off x="22199600" y="14342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3350</xdr:rowOff>
    </xdr:from>
    <xdr:to>
      <xdr:col>116</xdr:col>
      <xdr:colOff>114300</xdr:colOff>
      <xdr:row>84</xdr:row>
      <xdr:rowOff>63500</xdr:rowOff>
    </xdr:to>
    <xdr:sp macro="" textlink="">
      <xdr:nvSpPr>
        <xdr:cNvPr id="713" name="フローチャート: 判断 712">
          <a:extLst>
            <a:ext uri="{FF2B5EF4-FFF2-40B4-BE49-F238E27FC236}">
              <a16:creationId xmlns:a16="http://schemas.microsoft.com/office/drawing/2014/main" id="{5CA4B30E-BC5B-4864-AAA0-2970D6361E6D}"/>
            </a:ext>
          </a:extLst>
        </xdr:cNvPr>
        <xdr:cNvSpPr/>
      </xdr:nvSpPr>
      <xdr:spPr>
        <a:xfrm>
          <a:off x="22110700" y="1436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714" name="フローチャート: 判断 713">
          <a:extLst>
            <a:ext uri="{FF2B5EF4-FFF2-40B4-BE49-F238E27FC236}">
              <a16:creationId xmlns:a16="http://schemas.microsoft.com/office/drawing/2014/main" id="{21A61FF8-F18D-4343-89C0-0B0CECCA7740}"/>
            </a:ext>
          </a:extLst>
        </xdr:cNvPr>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57150</xdr:rowOff>
    </xdr:from>
    <xdr:to>
      <xdr:col>107</xdr:col>
      <xdr:colOff>101600</xdr:colOff>
      <xdr:row>83</xdr:row>
      <xdr:rowOff>158750</xdr:rowOff>
    </xdr:to>
    <xdr:sp macro="" textlink="">
      <xdr:nvSpPr>
        <xdr:cNvPr id="715" name="フローチャート: 判断 714">
          <a:extLst>
            <a:ext uri="{FF2B5EF4-FFF2-40B4-BE49-F238E27FC236}">
              <a16:creationId xmlns:a16="http://schemas.microsoft.com/office/drawing/2014/main" id="{2D9C43E8-D491-453E-AE01-B5125C041F21}"/>
            </a:ext>
          </a:extLst>
        </xdr:cNvPr>
        <xdr:cNvSpPr/>
      </xdr:nvSpPr>
      <xdr:spPr>
        <a:xfrm>
          <a:off x="20383500" y="1428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82550</xdr:rowOff>
    </xdr:from>
    <xdr:to>
      <xdr:col>102</xdr:col>
      <xdr:colOff>165100</xdr:colOff>
      <xdr:row>84</xdr:row>
      <xdr:rowOff>12700</xdr:rowOff>
    </xdr:to>
    <xdr:sp macro="" textlink="">
      <xdr:nvSpPr>
        <xdr:cNvPr id="716" name="フローチャート: 判断 715">
          <a:extLst>
            <a:ext uri="{FF2B5EF4-FFF2-40B4-BE49-F238E27FC236}">
              <a16:creationId xmlns:a16="http://schemas.microsoft.com/office/drawing/2014/main" id="{0B352E55-4FD2-4C51-AF64-58CAE87E2CA6}"/>
            </a:ext>
          </a:extLst>
        </xdr:cNvPr>
        <xdr:cNvSpPr/>
      </xdr:nvSpPr>
      <xdr:spPr>
        <a:xfrm>
          <a:off x="19494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2550</xdr:rowOff>
    </xdr:from>
    <xdr:to>
      <xdr:col>98</xdr:col>
      <xdr:colOff>38100</xdr:colOff>
      <xdr:row>84</xdr:row>
      <xdr:rowOff>12700</xdr:rowOff>
    </xdr:to>
    <xdr:sp macro="" textlink="">
      <xdr:nvSpPr>
        <xdr:cNvPr id="717" name="フローチャート: 判断 716">
          <a:extLst>
            <a:ext uri="{FF2B5EF4-FFF2-40B4-BE49-F238E27FC236}">
              <a16:creationId xmlns:a16="http://schemas.microsoft.com/office/drawing/2014/main" id="{1BF7A8C2-6FF3-4E3C-8CA8-A836C2A3EB92}"/>
            </a:ext>
          </a:extLst>
        </xdr:cNvPr>
        <xdr:cNvSpPr/>
      </xdr:nvSpPr>
      <xdr:spPr>
        <a:xfrm>
          <a:off x="18605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id="{16765004-797B-4302-AC7D-587B4D4CF8F8}"/>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71B89A38-C82F-4CF5-BEE3-BC7D10F472C6}"/>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45822094-2D9B-4E41-A253-8A6039A11338}"/>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id="{489950D7-4A06-4684-B246-5892AD06D402}"/>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id="{0381208D-6C76-4662-A6B5-39C5D48BE229}"/>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723" name="楕円 722">
          <a:extLst>
            <a:ext uri="{FF2B5EF4-FFF2-40B4-BE49-F238E27FC236}">
              <a16:creationId xmlns:a16="http://schemas.microsoft.com/office/drawing/2014/main" id="{4BEC13FF-3BE2-47D1-B5A8-9E8BEF3FB67D}"/>
            </a:ext>
          </a:extLst>
        </xdr:cNvPr>
        <xdr:cNvSpPr/>
      </xdr:nvSpPr>
      <xdr:spPr>
        <a:xfrm>
          <a:off x="221107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124477</xdr:rowOff>
    </xdr:from>
    <xdr:ext cx="469744" cy="259045"/>
    <xdr:sp macro="" textlink="">
      <xdr:nvSpPr>
        <xdr:cNvPr id="724" name="【消防施設】&#10;一人当たり面積該当値テキスト">
          <a:extLst>
            <a:ext uri="{FF2B5EF4-FFF2-40B4-BE49-F238E27FC236}">
              <a16:creationId xmlns:a16="http://schemas.microsoft.com/office/drawing/2014/main" id="{CF743DBD-7991-4955-9EBD-35E327F7C151}"/>
            </a:ext>
          </a:extLst>
        </xdr:cNvPr>
        <xdr:cNvSpPr txBox="1"/>
      </xdr:nvSpPr>
      <xdr:spPr>
        <a:xfrm>
          <a:off x="22199600"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88900</xdr:rowOff>
    </xdr:from>
    <xdr:to>
      <xdr:col>112</xdr:col>
      <xdr:colOff>38100</xdr:colOff>
      <xdr:row>83</xdr:row>
      <xdr:rowOff>19050</xdr:rowOff>
    </xdr:to>
    <xdr:sp macro="" textlink="">
      <xdr:nvSpPr>
        <xdr:cNvPr id="725" name="楕円 724">
          <a:extLst>
            <a:ext uri="{FF2B5EF4-FFF2-40B4-BE49-F238E27FC236}">
              <a16:creationId xmlns:a16="http://schemas.microsoft.com/office/drawing/2014/main" id="{4FFA134D-96B3-47A9-9F7A-C6490C95A9E4}"/>
            </a:ext>
          </a:extLst>
        </xdr:cNvPr>
        <xdr:cNvSpPr/>
      </xdr:nvSpPr>
      <xdr:spPr>
        <a:xfrm>
          <a:off x="212725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39700</xdr:rowOff>
    </xdr:from>
    <xdr:to>
      <xdr:col>116</xdr:col>
      <xdr:colOff>63500</xdr:colOff>
      <xdr:row>82</xdr:row>
      <xdr:rowOff>152400</xdr:rowOff>
    </xdr:to>
    <xdr:cxnSp macro="">
      <xdr:nvCxnSpPr>
        <xdr:cNvPr id="726" name="直線コネクタ 725">
          <a:extLst>
            <a:ext uri="{FF2B5EF4-FFF2-40B4-BE49-F238E27FC236}">
              <a16:creationId xmlns:a16="http://schemas.microsoft.com/office/drawing/2014/main" id="{05A53773-CF12-48FF-B5F2-ED62E13F3D40}"/>
            </a:ext>
          </a:extLst>
        </xdr:cNvPr>
        <xdr:cNvCxnSpPr/>
      </xdr:nvCxnSpPr>
      <xdr:spPr>
        <a:xfrm>
          <a:off x="21323300" y="141986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76200</xdr:rowOff>
    </xdr:from>
    <xdr:to>
      <xdr:col>107</xdr:col>
      <xdr:colOff>101600</xdr:colOff>
      <xdr:row>83</xdr:row>
      <xdr:rowOff>6350</xdr:rowOff>
    </xdr:to>
    <xdr:sp macro="" textlink="">
      <xdr:nvSpPr>
        <xdr:cNvPr id="727" name="楕円 726">
          <a:extLst>
            <a:ext uri="{FF2B5EF4-FFF2-40B4-BE49-F238E27FC236}">
              <a16:creationId xmlns:a16="http://schemas.microsoft.com/office/drawing/2014/main" id="{608F64A5-1C01-413E-B6AC-F92F1E1C4A27}"/>
            </a:ext>
          </a:extLst>
        </xdr:cNvPr>
        <xdr:cNvSpPr/>
      </xdr:nvSpPr>
      <xdr:spPr>
        <a:xfrm>
          <a:off x="20383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27000</xdr:rowOff>
    </xdr:from>
    <xdr:to>
      <xdr:col>111</xdr:col>
      <xdr:colOff>177800</xdr:colOff>
      <xdr:row>82</xdr:row>
      <xdr:rowOff>139700</xdr:rowOff>
    </xdr:to>
    <xdr:cxnSp macro="">
      <xdr:nvCxnSpPr>
        <xdr:cNvPr id="728" name="直線コネクタ 727">
          <a:extLst>
            <a:ext uri="{FF2B5EF4-FFF2-40B4-BE49-F238E27FC236}">
              <a16:creationId xmlns:a16="http://schemas.microsoft.com/office/drawing/2014/main" id="{B9BCE6A4-F24B-43BE-B19E-CAC712BF59BD}"/>
            </a:ext>
          </a:extLst>
        </xdr:cNvPr>
        <xdr:cNvCxnSpPr/>
      </xdr:nvCxnSpPr>
      <xdr:spPr>
        <a:xfrm>
          <a:off x="20434300" y="14185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76200</xdr:rowOff>
    </xdr:from>
    <xdr:to>
      <xdr:col>102</xdr:col>
      <xdr:colOff>165100</xdr:colOff>
      <xdr:row>83</xdr:row>
      <xdr:rowOff>6350</xdr:rowOff>
    </xdr:to>
    <xdr:sp macro="" textlink="">
      <xdr:nvSpPr>
        <xdr:cNvPr id="729" name="楕円 728">
          <a:extLst>
            <a:ext uri="{FF2B5EF4-FFF2-40B4-BE49-F238E27FC236}">
              <a16:creationId xmlns:a16="http://schemas.microsoft.com/office/drawing/2014/main" id="{8882E4DF-62EB-4A92-80EA-BA6526CACD34}"/>
            </a:ext>
          </a:extLst>
        </xdr:cNvPr>
        <xdr:cNvSpPr/>
      </xdr:nvSpPr>
      <xdr:spPr>
        <a:xfrm>
          <a:off x="19494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27000</xdr:rowOff>
    </xdr:from>
    <xdr:to>
      <xdr:col>107</xdr:col>
      <xdr:colOff>50800</xdr:colOff>
      <xdr:row>82</xdr:row>
      <xdr:rowOff>127000</xdr:rowOff>
    </xdr:to>
    <xdr:cxnSp macro="">
      <xdr:nvCxnSpPr>
        <xdr:cNvPr id="730" name="直線コネクタ 729">
          <a:extLst>
            <a:ext uri="{FF2B5EF4-FFF2-40B4-BE49-F238E27FC236}">
              <a16:creationId xmlns:a16="http://schemas.microsoft.com/office/drawing/2014/main" id="{D33C2A1F-FED0-48E5-B9EE-0CEA8AFF30EF}"/>
            </a:ext>
          </a:extLst>
        </xdr:cNvPr>
        <xdr:cNvCxnSpPr/>
      </xdr:nvCxnSpPr>
      <xdr:spPr>
        <a:xfrm>
          <a:off x="19545300" y="14185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88900</xdr:rowOff>
    </xdr:from>
    <xdr:to>
      <xdr:col>98</xdr:col>
      <xdr:colOff>38100</xdr:colOff>
      <xdr:row>83</xdr:row>
      <xdr:rowOff>19050</xdr:rowOff>
    </xdr:to>
    <xdr:sp macro="" textlink="">
      <xdr:nvSpPr>
        <xdr:cNvPr id="731" name="楕円 730">
          <a:extLst>
            <a:ext uri="{FF2B5EF4-FFF2-40B4-BE49-F238E27FC236}">
              <a16:creationId xmlns:a16="http://schemas.microsoft.com/office/drawing/2014/main" id="{76E99246-232B-44A1-BC56-E3AEFB42EB2D}"/>
            </a:ext>
          </a:extLst>
        </xdr:cNvPr>
        <xdr:cNvSpPr/>
      </xdr:nvSpPr>
      <xdr:spPr>
        <a:xfrm>
          <a:off x="186055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27000</xdr:rowOff>
    </xdr:from>
    <xdr:to>
      <xdr:col>102</xdr:col>
      <xdr:colOff>114300</xdr:colOff>
      <xdr:row>82</xdr:row>
      <xdr:rowOff>139700</xdr:rowOff>
    </xdr:to>
    <xdr:cxnSp macro="">
      <xdr:nvCxnSpPr>
        <xdr:cNvPr id="732" name="直線コネクタ 731">
          <a:extLst>
            <a:ext uri="{FF2B5EF4-FFF2-40B4-BE49-F238E27FC236}">
              <a16:creationId xmlns:a16="http://schemas.microsoft.com/office/drawing/2014/main" id="{98DE2DF0-5422-45B2-908A-8349BE82A72D}"/>
            </a:ext>
          </a:extLst>
        </xdr:cNvPr>
        <xdr:cNvCxnSpPr/>
      </xdr:nvCxnSpPr>
      <xdr:spPr>
        <a:xfrm flipV="1">
          <a:off x="18656300" y="14185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41927</xdr:rowOff>
    </xdr:from>
    <xdr:ext cx="469744" cy="259045"/>
    <xdr:sp macro="" textlink="">
      <xdr:nvSpPr>
        <xdr:cNvPr id="733" name="n_1aveValue【消防施設】&#10;一人当たり面積">
          <a:extLst>
            <a:ext uri="{FF2B5EF4-FFF2-40B4-BE49-F238E27FC236}">
              <a16:creationId xmlns:a16="http://schemas.microsoft.com/office/drawing/2014/main" id="{8C075245-77FF-41C1-838F-C75B5DC01991}"/>
            </a:ext>
          </a:extLst>
        </xdr:cNvPr>
        <xdr:cNvSpPr txBox="1"/>
      </xdr:nvSpPr>
      <xdr:spPr>
        <a:xfrm>
          <a:off x="210757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49877</xdr:rowOff>
    </xdr:from>
    <xdr:ext cx="469744" cy="259045"/>
    <xdr:sp macro="" textlink="">
      <xdr:nvSpPr>
        <xdr:cNvPr id="734" name="n_2aveValue【消防施設】&#10;一人当たり面積">
          <a:extLst>
            <a:ext uri="{FF2B5EF4-FFF2-40B4-BE49-F238E27FC236}">
              <a16:creationId xmlns:a16="http://schemas.microsoft.com/office/drawing/2014/main" id="{96ECF05A-72B7-4FBA-AFFB-BEED6268B670}"/>
            </a:ext>
          </a:extLst>
        </xdr:cNvPr>
        <xdr:cNvSpPr txBox="1"/>
      </xdr:nvSpPr>
      <xdr:spPr>
        <a:xfrm>
          <a:off x="20199427" y="1438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3827</xdr:rowOff>
    </xdr:from>
    <xdr:ext cx="469744" cy="259045"/>
    <xdr:sp macro="" textlink="">
      <xdr:nvSpPr>
        <xdr:cNvPr id="735" name="n_3aveValue【消防施設】&#10;一人当たり面積">
          <a:extLst>
            <a:ext uri="{FF2B5EF4-FFF2-40B4-BE49-F238E27FC236}">
              <a16:creationId xmlns:a16="http://schemas.microsoft.com/office/drawing/2014/main" id="{888DAF41-9B7B-4F2F-8AD2-F1D6E8D4B6CE}"/>
            </a:ext>
          </a:extLst>
        </xdr:cNvPr>
        <xdr:cNvSpPr txBox="1"/>
      </xdr:nvSpPr>
      <xdr:spPr>
        <a:xfrm>
          <a:off x="19310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3827</xdr:rowOff>
    </xdr:from>
    <xdr:ext cx="469744" cy="259045"/>
    <xdr:sp macro="" textlink="">
      <xdr:nvSpPr>
        <xdr:cNvPr id="736" name="n_4aveValue【消防施設】&#10;一人当たり面積">
          <a:extLst>
            <a:ext uri="{FF2B5EF4-FFF2-40B4-BE49-F238E27FC236}">
              <a16:creationId xmlns:a16="http://schemas.microsoft.com/office/drawing/2014/main" id="{705AAA71-6197-4F5E-8D6C-121EF436B653}"/>
            </a:ext>
          </a:extLst>
        </xdr:cNvPr>
        <xdr:cNvSpPr txBox="1"/>
      </xdr:nvSpPr>
      <xdr:spPr>
        <a:xfrm>
          <a:off x="18421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35577</xdr:rowOff>
    </xdr:from>
    <xdr:ext cx="469744" cy="259045"/>
    <xdr:sp macro="" textlink="">
      <xdr:nvSpPr>
        <xdr:cNvPr id="737" name="n_1mainValue【消防施設】&#10;一人当たり面積">
          <a:extLst>
            <a:ext uri="{FF2B5EF4-FFF2-40B4-BE49-F238E27FC236}">
              <a16:creationId xmlns:a16="http://schemas.microsoft.com/office/drawing/2014/main" id="{7054E501-AB87-49F7-8926-E6E74ADDE6CC}"/>
            </a:ext>
          </a:extLst>
        </xdr:cNvPr>
        <xdr:cNvSpPr txBox="1"/>
      </xdr:nvSpPr>
      <xdr:spPr>
        <a:xfrm>
          <a:off x="21075727" y="13923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22877</xdr:rowOff>
    </xdr:from>
    <xdr:ext cx="469744" cy="259045"/>
    <xdr:sp macro="" textlink="">
      <xdr:nvSpPr>
        <xdr:cNvPr id="738" name="n_2mainValue【消防施設】&#10;一人当たり面積">
          <a:extLst>
            <a:ext uri="{FF2B5EF4-FFF2-40B4-BE49-F238E27FC236}">
              <a16:creationId xmlns:a16="http://schemas.microsoft.com/office/drawing/2014/main" id="{EFA0F032-D7F0-4325-ADD4-B008880BB73D}"/>
            </a:ext>
          </a:extLst>
        </xdr:cNvPr>
        <xdr:cNvSpPr txBox="1"/>
      </xdr:nvSpPr>
      <xdr:spPr>
        <a:xfrm>
          <a:off x="20199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22877</xdr:rowOff>
    </xdr:from>
    <xdr:ext cx="469744" cy="259045"/>
    <xdr:sp macro="" textlink="">
      <xdr:nvSpPr>
        <xdr:cNvPr id="739" name="n_3mainValue【消防施設】&#10;一人当たり面積">
          <a:extLst>
            <a:ext uri="{FF2B5EF4-FFF2-40B4-BE49-F238E27FC236}">
              <a16:creationId xmlns:a16="http://schemas.microsoft.com/office/drawing/2014/main" id="{8F3B52D8-9D63-46BC-B25C-84CE4C5F453A}"/>
            </a:ext>
          </a:extLst>
        </xdr:cNvPr>
        <xdr:cNvSpPr txBox="1"/>
      </xdr:nvSpPr>
      <xdr:spPr>
        <a:xfrm>
          <a:off x="19310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35577</xdr:rowOff>
    </xdr:from>
    <xdr:ext cx="469744" cy="259045"/>
    <xdr:sp macro="" textlink="">
      <xdr:nvSpPr>
        <xdr:cNvPr id="740" name="n_4mainValue【消防施設】&#10;一人当たり面積">
          <a:extLst>
            <a:ext uri="{FF2B5EF4-FFF2-40B4-BE49-F238E27FC236}">
              <a16:creationId xmlns:a16="http://schemas.microsoft.com/office/drawing/2014/main" id="{6D5FA7B8-0513-49D5-89C9-BF537248CA63}"/>
            </a:ext>
          </a:extLst>
        </xdr:cNvPr>
        <xdr:cNvSpPr txBox="1"/>
      </xdr:nvSpPr>
      <xdr:spPr>
        <a:xfrm>
          <a:off x="18421427" y="13923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1" name="正方形/長方形 740">
          <a:extLst>
            <a:ext uri="{FF2B5EF4-FFF2-40B4-BE49-F238E27FC236}">
              <a16:creationId xmlns:a16="http://schemas.microsoft.com/office/drawing/2014/main" id="{809559BE-DA9E-42F3-A29A-61AEFA76D5C8}"/>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2" name="正方形/長方形 741">
          <a:extLst>
            <a:ext uri="{FF2B5EF4-FFF2-40B4-BE49-F238E27FC236}">
              <a16:creationId xmlns:a16="http://schemas.microsoft.com/office/drawing/2014/main" id="{74C23103-6B64-4787-A3BB-E20FD9C35E4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3" name="正方形/長方形 742">
          <a:extLst>
            <a:ext uri="{FF2B5EF4-FFF2-40B4-BE49-F238E27FC236}">
              <a16:creationId xmlns:a16="http://schemas.microsoft.com/office/drawing/2014/main" id="{31BEEF47-0CDD-4296-BB8A-25582FA6BE68}"/>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4" name="正方形/長方形 743">
          <a:extLst>
            <a:ext uri="{FF2B5EF4-FFF2-40B4-BE49-F238E27FC236}">
              <a16:creationId xmlns:a16="http://schemas.microsoft.com/office/drawing/2014/main" id="{721C1DF8-6D05-4F5E-B18A-EE7E84A94CF3}"/>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5" name="正方形/長方形 744">
          <a:extLst>
            <a:ext uri="{FF2B5EF4-FFF2-40B4-BE49-F238E27FC236}">
              <a16:creationId xmlns:a16="http://schemas.microsoft.com/office/drawing/2014/main" id="{E4D6DEA6-18E1-4613-A000-AF4447C5B8AF}"/>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6" name="正方形/長方形 745">
          <a:extLst>
            <a:ext uri="{FF2B5EF4-FFF2-40B4-BE49-F238E27FC236}">
              <a16:creationId xmlns:a16="http://schemas.microsoft.com/office/drawing/2014/main" id="{A1D4774D-B61D-4710-8576-FAE4D6D533B4}"/>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7" name="正方形/長方形 746">
          <a:extLst>
            <a:ext uri="{FF2B5EF4-FFF2-40B4-BE49-F238E27FC236}">
              <a16:creationId xmlns:a16="http://schemas.microsoft.com/office/drawing/2014/main" id="{F65D972E-8852-4CDB-BE7F-7C137E9EE39B}"/>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8" name="正方形/長方形 747">
          <a:extLst>
            <a:ext uri="{FF2B5EF4-FFF2-40B4-BE49-F238E27FC236}">
              <a16:creationId xmlns:a16="http://schemas.microsoft.com/office/drawing/2014/main" id="{F9813105-9CE2-413C-ACDA-ABBE4320A8D4}"/>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9" name="テキスト ボックス 748">
          <a:extLst>
            <a:ext uri="{FF2B5EF4-FFF2-40B4-BE49-F238E27FC236}">
              <a16:creationId xmlns:a16="http://schemas.microsoft.com/office/drawing/2014/main" id="{829D6864-89D9-4DF7-8C6E-D2F03780A991}"/>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0" name="直線コネクタ 749">
          <a:extLst>
            <a:ext uri="{FF2B5EF4-FFF2-40B4-BE49-F238E27FC236}">
              <a16:creationId xmlns:a16="http://schemas.microsoft.com/office/drawing/2014/main" id="{C2B82987-0023-441A-ADC1-E446C9A18B9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1" name="テキスト ボックス 750">
          <a:extLst>
            <a:ext uri="{FF2B5EF4-FFF2-40B4-BE49-F238E27FC236}">
              <a16:creationId xmlns:a16="http://schemas.microsoft.com/office/drawing/2014/main" id="{E8AF092C-055A-4A3F-A88F-77B91F482E23}"/>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2" name="直線コネクタ 751">
          <a:extLst>
            <a:ext uri="{FF2B5EF4-FFF2-40B4-BE49-F238E27FC236}">
              <a16:creationId xmlns:a16="http://schemas.microsoft.com/office/drawing/2014/main" id="{92C5D6FB-C6DF-4250-AFB0-A987A88B26FB}"/>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3" name="テキスト ボックス 752">
          <a:extLst>
            <a:ext uri="{FF2B5EF4-FFF2-40B4-BE49-F238E27FC236}">
              <a16:creationId xmlns:a16="http://schemas.microsoft.com/office/drawing/2014/main" id="{96116A46-8F2C-4742-944E-90393E96CFE7}"/>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4" name="直線コネクタ 753">
          <a:extLst>
            <a:ext uri="{FF2B5EF4-FFF2-40B4-BE49-F238E27FC236}">
              <a16:creationId xmlns:a16="http://schemas.microsoft.com/office/drawing/2014/main" id="{22759FCF-A715-4DF8-952F-42CA4E18881A}"/>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5" name="テキスト ボックス 754">
          <a:extLst>
            <a:ext uri="{FF2B5EF4-FFF2-40B4-BE49-F238E27FC236}">
              <a16:creationId xmlns:a16="http://schemas.microsoft.com/office/drawing/2014/main" id="{F1604D64-50C0-4DCE-B122-407B20B841F6}"/>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6" name="直線コネクタ 755">
          <a:extLst>
            <a:ext uri="{FF2B5EF4-FFF2-40B4-BE49-F238E27FC236}">
              <a16:creationId xmlns:a16="http://schemas.microsoft.com/office/drawing/2014/main" id="{3D78DE0C-4E39-491E-A5E8-798D0FC6180E}"/>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7" name="テキスト ボックス 756">
          <a:extLst>
            <a:ext uri="{FF2B5EF4-FFF2-40B4-BE49-F238E27FC236}">
              <a16:creationId xmlns:a16="http://schemas.microsoft.com/office/drawing/2014/main" id="{626E8C0B-6C44-4223-81CA-6A3D8AEDFFE7}"/>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8" name="直線コネクタ 757">
          <a:extLst>
            <a:ext uri="{FF2B5EF4-FFF2-40B4-BE49-F238E27FC236}">
              <a16:creationId xmlns:a16="http://schemas.microsoft.com/office/drawing/2014/main" id="{B9E417A6-5805-4EEC-A32D-72FA9E5F8112}"/>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9" name="テキスト ボックス 758">
          <a:extLst>
            <a:ext uri="{FF2B5EF4-FFF2-40B4-BE49-F238E27FC236}">
              <a16:creationId xmlns:a16="http://schemas.microsoft.com/office/drawing/2014/main" id="{CA535D61-514A-47F0-BD68-C7BA233F84B7}"/>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0" name="直線コネクタ 759">
          <a:extLst>
            <a:ext uri="{FF2B5EF4-FFF2-40B4-BE49-F238E27FC236}">
              <a16:creationId xmlns:a16="http://schemas.microsoft.com/office/drawing/2014/main" id="{2EBA477E-719C-4B89-8DEC-6E2386C79717}"/>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1" name="テキスト ボックス 760">
          <a:extLst>
            <a:ext uri="{FF2B5EF4-FFF2-40B4-BE49-F238E27FC236}">
              <a16:creationId xmlns:a16="http://schemas.microsoft.com/office/drawing/2014/main" id="{FB88EDF8-2F07-4984-BD31-1F7B82062F6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2" name="直線コネクタ 761">
          <a:extLst>
            <a:ext uri="{FF2B5EF4-FFF2-40B4-BE49-F238E27FC236}">
              <a16:creationId xmlns:a16="http://schemas.microsoft.com/office/drawing/2014/main" id="{C64DDB62-0858-4DCC-9C6E-957A81C02DE2}"/>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3" name="テキスト ボックス 762">
          <a:extLst>
            <a:ext uri="{FF2B5EF4-FFF2-40B4-BE49-F238E27FC236}">
              <a16:creationId xmlns:a16="http://schemas.microsoft.com/office/drawing/2014/main" id="{840A6099-29D5-4A1B-9957-B32C53EF50E0}"/>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4" name="直線コネクタ 763">
          <a:extLst>
            <a:ext uri="{FF2B5EF4-FFF2-40B4-BE49-F238E27FC236}">
              <a16:creationId xmlns:a16="http://schemas.microsoft.com/office/drawing/2014/main" id="{50F797F8-7202-43E7-819E-72C8EEB0099B}"/>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5" name="【庁舎】&#10;有形固定資産減価償却率グラフ枠">
          <a:extLst>
            <a:ext uri="{FF2B5EF4-FFF2-40B4-BE49-F238E27FC236}">
              <a16:creationId xmlns:a16="http://schemas.microsoft.com/office/drawing/2014/main" id="{CDD22985-EA18-46C5-BB9A-32C5850D38A6}"/>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79466</xdr:rowOff>
    </xdr:from>
    <xdr:to>
      <xdr:col>85</xdr:col>
      <xdr:colOff>126364</xdr:colOff>
      <xdr:row>107</xdr:row>
      <xdr:rowOff>164374</xdr:rowOff>
    </xdr:to>
    <xdr:cxnSp macro="">
      <xdr:nvCxnSpPr>
        <xdr:cNvPr id="766" name="直線コネクタ 765">
          <a:extLst>
            <a:ext uri="{FF2B5EF4-FFF2-40B4-BE49-F238E27FC236}">
              <a16:creationId xmlns:a16="http://schemas.microsoft.com/office/drawing/2014/main" id="{1F1CA9F7-18CA-455B-A446-74B51B67D764}"/>
            </a:ext>
          </a:extLst>
        </xdr:cNvPr>
        <xdr:cNvCxnSpPr/>
      </xdr:nvCxnSpPr>
      <xdr:spPr>
        <a:xfrm flipV="1">
          <a:off x="16318864" y="17224466"/>
          <a:ext cx="0" cy="12850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8201</xdr:rowOff>
    </xdr:from>
    <xdr:ext cx="405111" cy="259045"/>
    <xdr:sp macro="" textlink="">
      <xdr:nvSpPr>
        <xdr:cNvPr id="767" name="【庁舎】&#10;有形固定資産減価償却率最小値テキスト">
          <a:extLst>
            <a:ext uri="{FF2B5EF4-FFF2-40B4-BE49-F238E27FC236}">
              <a16:creationId xmlns:a16="http://schemas.microsoft.com/office/drawing/2014/main" id="{3A1AAF4C-E36B-4F80-A832-550483E55E15}"/>
            </a:ext>
          </a:extLst>
        </xdr:cNvPr>
        <xdr:cNvSpPr txBox="1"/>
      </xdr:nvSpPr>
      <xdr:spPr>
        <a:xfrm>
          <a:off x="16357600" y="18513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64374</xdr:rowOff>
    </xdr:from>
    <xdr:to>
      <xdr:col>86</xdr:col>
      <xdr:colOff>25400</xdr:colOff>
      <xdr:row>107</xdr:row>
      <xdr:rowOff>164374</xdr:rowOff>
    </xdr:to>
    <xdr:cxnSp macro="">
      <xdr:nvCxnSpPr>
        <xdr:cNvPr id="768" name="直線コネクタ 767">
          <a:extLst>
            <a:ext uri="{FF2B5EF4-FFF2-40B4-BE49-F238E27FC236}">
              <a16:creationId xmlns:a16="http://schemas.microsoft.com/office/drawing/2014/main" id="{FFD8BB47-1EB1-4C62-B78B-8561AC79DEDB}"/>
            </a:ext>
          </a:extLst>
        </xdr:cNvPr>
        <xdr:cNvCxnSpPr/>
      </xdr:nvCxnSpPr>
      <xdr:spPr>
        <a:xfrm>
          <a:off x="16230600" y="18509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26143</xdr:rowOff>
    </xdr:from>
    <xdr:ext cx="340478" cy="259045"/>
    <xdr:sp macro="" textlink="">
      <xdr:nvSpPr>
        <xdr:cNvPr id="769" name="【庁舎】&#10;有形固定資産減価償却率最大値テキスト">
          <a:extLst>
            <a:ext uri="{FF2B5EF4-FFF2-40B4-BE49-F238E27FC236}">
              <a16:creationId xmlns:a16="http://schemas.microsoft.com/office/drawing/2014/main" id="{AB6F370B-5021-4219-B3C7-68CB83F8B4D2}"/>
            </a:ext>
          </a:extLst>
        </xdr:cNvPr>
        <xdr:cNvSpPr txBox="1"/>
      </xdr:nvSpPr>
      <xdr:spPr>
        <a:xfrm>
          <a:off x="16357600" y="1699969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79466</xdr:rowOff>
    </xdr:from>
    <xdr:to>
      <xdr:col>86</xdr:col>
      <xdr:colOff>25400</xdr:colOff>
      <xdr:row>100</xdr:row>
      <xdr:rowOff>79466</xdr:rowOff>
    </xdr:to>
    <xdr:cxnSp macro="">
      <xdr:nvCxnSpPr>
        <xdr:cNvPr id="770" name="直線コネクタ 769">
          <a:extLst>
            <a:ext uri="{FF2B5EF4-FFF2-40B4-BE49-F238E27FC236}">
              <a16:creationId xmlns:a16="http://schemas.microsoft.com/office/drawing/2014/main" id="{C47A5B2C-24CB-416C-A1A3-97232D557BC0}"/>
            </a:ext>
          </a:extLst>
        </xdr:cNvPr>
        <xdr:cNvCxnSpPr/>
      </xdr:nvCxnSpPr>
      <xdr:spPr>
        <a:xfrm>
          <a:off x="16230600" y="17224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39716</xdr:rowOff>
    </xdr:from>
    <xdr:ext cx="405111" cy="259045"/>
    <xdr:sp macro="" textlink="">
      <xdr:nvSpPr>
        <xdr:cNvPr id="771" name="【庁舎】&#10;有形固定資産減価償却率平均値テキスト">
          <a:extLst>
            <a:ext uri="{FF2B5EF4-FFF2-40B4-BE49-F238E27FC236}">
              <a16:creationId xmlns:a16="http://schemas.microsoft.com/office/drawing/2014/main" id="{17A2E637-09FD-4059-A8CE-60F2A6DC02B4}"/>
            </a:ext>
          </a:extLst>
        </xdr:cNvPr>
        <xdr:cNvSpPr txBox="1"/>
      </xdr:nvSpPr>
      <xdr:spPr>
        <a:xfrm>
          <a:off x="16357600" y="176276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16839</xdr:rowOff>
    </xdr:from>
    <xdr:to>
      <xdr:col>85</xdr:col>
      <xdr:colOff>177800</xdr:colOff>
      <xdr:row>104</xdr:row>
      <xdr:rowOff>46989</xdr:rowOff>
    </xdr:to>
    <xdr:sp macro="" textlink="">
      <xdr:nvSpPr>
        <xdr:cNvPr id="772" name="フローチャート: 判断 771">
          <a:extLst>
            <a:ext uri="{FF2B5EF4-FFF2-40B4-BE49-F238E27FC236}">
              <a16:creationId xmlns:a16="http://schemas.microsoft.com/office/drawing/2014/main" id="{BEA63A82-0AFD-46A0-BAC8-1741D426419F}"/>
            </a:ext>
          </a:extLst>
        </xdr:cNvPr>
        <xdr:cNvSpPr/>
      </xdr:nvSpPr>
      <xdr:spPr>
        <a:xfrm>
          <a:off x="16268700" y="1777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1738</xdr:rowOff>
    </xdr:from>
    <xdr:to>
      <xdr:col>81</xdr:col>
      <xdr:colOff>101600</xdr:colOff>
      <xdr:row>104</xdr:row>
      <xdr:rowOff>51888</xdr:rowOff>
    </xdr:to>
    <xdr:sp macro="" textlink="">
      <xdr:nvSpPr>
        <xdr:cNvPr id="773" name="フローチャート: 判断 772">
          <a:extLst>
            <a:ext uri="{FF2B5EF4-FFF2-40B4-BE49-F238E27FC236}">
              <a16:creationId xmlns:a16="http://schemas.microsoft.com/office/drawing/2014/main" id="{6DB9A82C-31E1-4461-A690-619E9C27CD35}"/>
            </a:ext>
          </a:extLst>
        </xdr:cNvPr>
        <xdr:cNvSpPr/>
      </xdr:nvSpPr>
      <xdr:spPr>
        <a:xfrm>
          <a:off x="15430500" y="1778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806</xdr:rowOff>
    </xdr:from>
    <xdr:to>
      <xdr:col>76</xdr:col>
      <xdr:colOff>165100</xdr:colOff>
      <xdr:row>104</xdr:row>
      <xdr:rowOff>107406</xdr:rowOff>
    </xdr:to>
    <xdr:sp macro="" textlink="">
      <xdr:nvSpPr>
        <xdr:cNvPr id="774" name="フローチャート: 判断 773">
          <a:extLst>
            <a:ext uri="{FF2B5EF4-FFF2-40B4-BE49-F238E27FC236}">
              <a16:creationId xmlns:a16="http://schemas.microsoft.com/office/drawing/2014/main" id="{32FF5B53-F72A-4E5D-81C5-26C6A65053DF}"/>
            </a:ext>
          </a:extLst>
        </xdr:cNvPr>
        <xdr:cNvSpPr/>
      </xdr:nvSpPr>
      <xdr:spPr>
        <a:xfrm>
          <a:off x="14541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62561</xdr:rowOff>
    </xdr:from>
    <xdr:to>
      <xdr:col>72</xdr:col>
      <xdr:colOff>38100</xdr:colOff>
      <xdr:row>104</xdr:row>
      <xdr:rowOff>92711</xdr:rowOff>
    </xdr:to>
    <xdr:sp macro="" textlink="">
      <xdr:nvSpPr>
        <xdr:cNvPr id="775" name="フローチャート: 判断 774">
          <a:extLst>
            <a:ext uri="{FF2B5EF4-FFF2-40B4-BE49-F238E27FC236}">
              <a16:creationId xmlns:a16="http://schemas.microsoft.com/office/drawing/2014/main" id="{4F8F7F1D-BCB3-4CE6-BBF5-6C83E1877E82}"/>
            </a:ext>
          </a:extLst>
        </xdr:cNvPr>
        <xdr:cNvSpPr/>
      </xdr:nvSpPr>
      <xdr:spPr>
        <a:xfrm>
          <a:off x="13652500" y="178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95613</xdr:rowOff>
    </xdr:from>
    <xdr:to>
      <xdr:col>67</xdr:col>
      <xdr:colOff>101600</xdr:colOff>
      <xdr:row>104</xdr:row>
      <xdr:rowOff>25763</xdr:rowOff>
    </xdr:to>
    <xdr:sp macro="" textlink="">
      <xdr:nvSpPr>
        <xdr:cNvPr id="776" name="フローチャート: 判断 775">
          <a:extLst>
            <a:ext uri="{FF2B5EF4-FFF2-40B4-BE49-F238E27FC236}">
              <a16:creationId xmlns:a16="http://schemas.microsoft.com/office/drawing/2014/main" id="{14E00154-51F5-4C7C-8DA5-1FA5A93D9022}"/>
            </a:ext>
          </a:extLst>
        </xdr:cNvPr>
        <xdr:cNvSpPr/>
      </xdr:nvSpPr>
      <xdr:spPr>
        <a:xfrm>
          <a:off x="12763500" y="1775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id="{9CC7F1F2-998A-40CD-97D6-8698C194CA32}"/>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id="{4910EE8B-CBDD-4DFD-9EC3-17BAD16003E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id="{93B669B7-73DB-401B-AE58-C6BA9AFDFFC7}"/>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0" name="テキスト ボックス 779">
          <a:extLst>
            <a:ext uri="{FF2B5EF4-FFF2-40B4-BE49-F238E27FC236}">
              <a16:creationId xmlns:a16="http://schemas.microsoft.com/office/drawing/2014/main" id="{4A191C7C-30A0-4BAA-AD75-95D2714FC51F}"/>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id="{62C2601C-8FDD-4B8F-B0EE-028C402F0071}"/>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65826</xdr:rowOff>
    </xdr:from>
    <xdr:to>
      <xdr:col>85</xdr:col>
      <xdr:colOff>177800</xdr:colOff>
      <xdr:row>107</xdr:row>
      <xdr:rowOff>95976</xdr:rowOff>
    </xdr:to>
    <xdr:sp macro="" textlink="">
      <xdr:nvSpPr>
        <xdr:cNvPr id="782" name="楕円 781">
          <a:extLst>
            <a:ext uri="{FF2B5EF4-FFF2-40B4-BE49-F238E27FC236}">
              <a16:creationId xmlns:a16="http://schemas.microsoft.com/office/drawing/2014/main" id="{76A2A1AF-AA9B-4B24-9A26-C7343B99EB80}"/>
            </a:ext>
          </a:extLst>
        </xdr:cNvPr>
        <xdr:cNvSpPr/>
      </xdr:nvSpPr>
      <xdr:spPr>
        <a:xfrm>
          <a:off x="16268700" y="1833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80753</xdr:rowOff>
    </xdr:from>
    <xdr:ext cx="405111" cy="259045"/>
    <xdr:sp macro="" textlink="">
      <xdr:nvSpPr>
        <xdr:cNvPr id="783" name="【庁舎】&#10;有形固定資産減価償却率該当値テキスト">
          <a:extLst>
            <a:ext uri="{FF2B5EF4-FFF2-40B4-BE49-F238E27FC236}">
              <a16:creationId xmlns:a16="http://schemas.microsoft.com/office/drawing/2014/main" id="{D6B72128-B4CB-4AD3-962A-AE7F5714FE88}"/>
            </a:ext>
          </a:extLst>
        </xdr:cNvPr>
        <xdr:cNvSpPr txBox="1"/>
      </xdr:nvSpPr>
      <xdr:spPr>
        <a:xfrm>
          <a:off x="16357600" y="18254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47864</xdr:rowOff>
    </xdr:from>
    <xdr:to>
      <xdr:col>81</xdr:col>
      <xdr:colOff>101600</xdr:colOff>
      <xdr:row>107</xdr:row>
      <xdr:rowOff>78014</xdr:rowOff>
    </xdr:to>
    <xdr:sp macro="" textlink="">
      <xdr:nvSpPr>
        <xdr:cNvPr id="784" name="楕円 783">
          <a:extLst>
            <a:ext uri="{FF2B5EF4-FFF2-40B4-BE49-F238E27FC236}">
              <a16:creationId xmlns:a16="http://schemas.microsoft.com/office/drawing/2014/main" id="{62BD1C96-9AC9-4DD2-B939-EC4C11AA9EB4}"/>
            </a:ext>
          </a:extLst>
        </xdr:cNvPr>
        <xdr:cNvSpPr/>
      </xdr:nvSpPr>
      <xdr:spPr>
        <a:xfrm>
          <a:off x="15430500" y="18321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27214</xdr:rowOff>
    </xdr:from>
    <xdr:to>
      <xdr:col>85</xdr:col>
      <xdr:colOff>127000</xdr:colOff>
      <xdr:row>107</xdr:row>
      <xdr:rowOff>45176</xdr:rowOff>
    </xdr:to>
    <xdr:cxnSp macro="">
      <xdr:nvCxnSpPr>
        <xdr:cNvPr id="785" name="直線コネクタ 784">
          <a:extLst>
            <a:ext uri="{FF2B5EF4-FFF2-40B4-BE49-F238E27FC236}">
              <a16:creationId xmlns:a16="http://schemas.microsoft.com/office/drawing/2014/main" id="{1D4C4275-288F-4BFB-8B75-AC222194C27F}"/>
            </a:ext>
          </a:extLst>
        </xdr:cNvPr>
        <xdr:cNvCxnSpPr/>
      </xdr:nvCxnSpPr>
      <xdr:spPr>
        <a:xfrm>
          <a:off x="15481300" y="18372364"/>
          <a:ext cx="8382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29902</xdr:rowOff>
    </xdr:from>
    <xdr:to>
      <xdr:col>76</xdr:col>
      <xdr:colOff>165100</xdr:colOff>
      <xdr:row>107</xdr:row>
      <xdr:rowOff>60052</xdr:rowOff>
    </xdr:to>
    <xdr:sp macro="" textlink="">
      <xdr:nvSpPr>
        <xdr:cNvPr id="786" name="楕円 785">
          <a:extLst>
            <a:ext uri="{FF2B5EF4-FFF2-40B4-BE49-F238E27FC236}">
              <a16:creationId xmlns:a16="http://schemas.microsoft.com/office/drawing/2014/main" id="{3CB0E9FF-BA2D-4BE0-99F0-1045AC61599C}"/>
            </a:ext>
          </a:extLst>
        </xdr:cNvPr>
        <xdr:cNvSpPr/>
      </xdr:nvSpPr>
      <xdr:spPr>
        <a:xfrm>
          <a:off x="14541500" y="18303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9252</xdr:rowOff>
    </xdr:from>
    <xdr:to>
      <xdr:col>81</xdr:col>
      <xdr:colOff>50800</xdr:colOff>
      <xdr:row>107</xdr:row>
      <xdr:rowOff>27214</xdr:rowOff>
    </xdr:to>
    <xdr:cxnSp macro="">
      <xdr:nvCxnSpPr>
        <xdr:cNvPr id="787" name="直線コネクタ 786">
          <a:extLst>
            <a:ext uri="{FF2B5EF4-FFF2-40B4-BE49-F238E27FC236}">
              <a16:creationId xmlns:a16="http://schemas.microsoft.com/office/drawing/2014/main" id="{7B78FAB8-DD6F-4672-B388-19FCF62D067C}"/>
            </a:ext>
          </a:extLst>
        </xdr:cNvPr>
        <xdr:cNvCxnSpPr/>
      </xdr:nvCxnSpPr>
      <xdr:spPr>
        <a:xfrm>
          <a:off x="14592300" y="18354402"/>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10308</xdr:rowOff>
    </xdr:from>
    <xdr:to>
      <xdr:col>72</xdr:col>
      <xdr:colOff>38100</xdr:colOff>
      <xdr:row>107</xdr:row>
      <xdr:rowOff>40458</xdr:rowOff>
    </xdr:to>
    <xdr:sp macro="" textlink="">
      <xdr:nvSpPr>
        <xdr:cNvPr id="788" name="楕円 787">
          <a:extLst>
            <a:ext uri="{FF2B5EF4-FFF2-40B4-BE49-F238E27FC236}">
              <a16:creationId xmlns:a16="http://schemas.microsoft.com/office/drawing/2014/main" id="{A9C5D453-F28D-47B3-A426-22C79D4205E0}"/>
            </a:ext>
          </a:extLst>
        </xdr:cNvPr>
        <xdr:cNvSpPr/>
      </xdr:nvSpPr>
      <xdr:spPr>
        <a:xfrm>
          <a:off x="13652500" y="18284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61108</xdr:rowOff>
    </xdr:from>
    <xdr:to>
      <xdr:col>76</xdr:col>
      <xdr:colOff>114300</xdr:colOff>
      <xdr:row>107</xdr:row>
      <xdr:rowOff>9252</xdr:rowOff>
    </xdr:to>
    <xdr:cxnSp macro="">
      <xdr:nvCxnSpPr>
        <xdr:cNvPr id="789" name="直線コネクタ 788">
          <a:extLst>
            <a:ext uri="{FF2B5EF4-FFF2-40B4-BE49-F238E27FC236}">
              <a16:creationId xmlns:a16="http://schemas.microsoft.com/office/drawing/2014/main" id="{B7094DF9-FA88-424D-A1C8-FAF72DB9913D}"/>
            </a:ext>
          </a:extLst>
        </xdr:cNvPr>
        <xdr:cNvCxnSpPr/>
      </xdr:nvCxnSpPr>
      <xdr:spPr>
        <a:xfrm>
          <a:off x="13703300" y="18334808"/>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85816</xdr:rowOff>
    </xdr:from>
    <xdr:to>
      <xdr:col>67</xdr:col>
      <xdr:colOff>101600</xdr:colOff>
      <xdr:row>107</xdr:row>
      <xdr:rowOff>15966</xdr:rowOff>
    </xdr:to>
    <xdr:sp macro="" textlink="">
      <xdr:nvSpPr>
        <xdr:cNvPr id="790" name="楕円 789">
          <a:extLst>
            <a:ext uri="{FF2B5EF4-FFF2-40B4-BE49-F238E27FC236}">
              <a16:creationId xmlns:a16="http://schemas.microsoft.com/office/drawing/2014/main" id="{84268E2E-438D-47AD-8C88-2CEE7E05F6FD}"/>
            </a:ext>
          </a:extLst>
        </xdr:cNvPr>
        <xdr:cNvSpPr/>
      </xdr:nvSpPr>
      <xdr:spPr>
        <a:xfrm>
          <a:off x="12763500" y="18259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36616</xdr:rowOff>
    </xdr:from>
    <xdr:to>
      <xdr:col>71</xdr:col>
      <xdr:colOff>177800</xdr:colOff>
      <xdr:row>106</xdr:row>
      <xdr:rowOff>161108</xdr:rowOff>
    </xdr:to>
    <xdr:cxnSp macro="">
      <xdr:nvCxnSpPr>
        <xdr:cNvPr id="791" name="直線コネクタ 790">
          <a:extLst>
            <a:ext uri="{FF2B5EF4-FFF2-40B4-BE49-F238E27FC236}">
              <a16:creationId xmlns:a16="http://schemas.microsoft.com/office/drawing/2014/main" id="{148B58E5-AD35-45CD-9317-B9E66B4E054C}"/>
            </a:ext>
          </a:extLst>
        </xdr:cNvPr>
        <xdr:cNvCxnSpPr/>
      </xdr:nvCxnSpPr>
      <xdr:spPr>
        <a:xfrm>
          <a:off x="12814300" y="18310316"/>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68415</xdr:rowOff>
    </xdr:from>
    <xdr:ext cx="405111" cy="259045"/>
    <xdr:sp macro="" textlink="">
      <xdr:nvSpPr>
        <xdr:cNvPr id="792" name="n_1aveValue【庁舎】&#10;有形固定資産減価償却率">
          <a:extLst>
            <a:ext uri="{FF2B5EF4-FFF2-40B4-BE49-F238E27FC236}">
              <a16:creationId xmlns:a16="http://schemas.microsoft.com/office/drawing/2014/main" id="{EFBF117B-F50F-448E-B888-28A9E1A9BB07}"/>
            </a:ext>
          </a:extLst>
        </xdr:cNvPr>
        <xdr:cNvSpPr txBox="1"/>
      </xdr:nvSpPr>
      <xdr:spPr>
        <a:xfrm>
          <a:off x="15266044" y="17556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23933</xdr:rowOff>
    </xdr:from>
    <xdr:ext cx="405111" cy="259045"/>
    <xdr:sp macro="" textlink="">
      <xdr:nvSpPr>
        <xdr:cNvPr id="793" name="n_2aveValue【庁舎】&#10;有形固定資産減価償却率">
          <a:extLst>
            <a:ext uri="{FF2B5EF4-FFF2-40B4-BE49-F238E27FC236}">
              <a16:creationId xmlns:a16="http://schemas.microsoft.com/office/drawing/2014/main" id="{F69CDEBC-6C0A-4C07-97F6-520D2255E395}"/>
            </a:ext>
          </a:extLst>
        </xdr:cNvPr>
        <xdr:cNvSpPr txBox="1"/>
      </xdr:nvSpPr>
      <xdr:spPr>
        <a:xfrm>
          <a:off x="14389744" y="17611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09238</xdr:rowOff>
    </xdr:from>
    <xdr:ext cx="405111" cy="259045"/>
    <xdr:sp macro="" textlink="">
      <xdr:nvSpPr>
        <xdr:cNvPr id="794" name="n_3aveValue【庁舎】&#10;有形固定資産減価償却率">
          <a:extLst>
            <a:ext uri="{FF2B5EF4-FFF2-40B4-BE49-F238E27FC236}">
              <a16:creationId xmlns:a16="http://schemas.microsoft.com/office/drawing/2014/main" id="{6320FB1C-8720-46F0-99F5-7204F2118D90}"/>
            </a:ext>
          </a:extLst>
        </xdr:cNvPr>
        <xdr:cNvSpPr txBox="1"/>
      </xdr:nvSpPr>
      <xdr:spPr>
        <a:xfrm>
          <a:off x="13500744" y="1759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42290</xdr:rowOff>
    </xdr:from>
    <xdr:ext cx="405111" cy="259045"/>
    <xdr:sp macro="" textlink="">
      <xdr:nvSpPr>
        <xdr:cNvPr id="795" name="n_4aveValue【庁舎】&#10;有形固定資産減価償却率">
          <a:extLst>
            <a:ext uri="{FF2B5EF4-FFF2-40B4-BE49-F238E27FC236}">
              <a16:creationId xmlns:a16="http://schemas.microsoft.com/office/drawing/2014/main" id="{DA38FB7A-A850-4F0B-B796-2FDD3E8801F2}"/>
            </a:ext>
          </a:extLst>
        </xdr:cNvPr>
        <xdr:cNvSpPr txBox="1"/>
      </xdr:nvSpPr>
      <xdr:spPr>
        <a:xfrm>
          <a:off x="12611744" y="1753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69141</xdr:rowOff>
    </xdr:from>
    <xdr:ext cx="405111" cy="259045"/>
    <xdr:sp macro="" textlink="">
      <xdr:nvSpPr>
        <xdr:cNvPr id="796" name="n_1mainValue【庁舎】&#10;有形固定資産減価償却率">
          <a:extLst>
            <a:ext uri="{FF2B5EF4-FFF2-40B4-BE49-F238E27FC236}">
              <a16:creationId xmlns:a16="http://schemas.microsoft.com/office/drawing/2014/main" id="{B67F6A55-D512-490A-B06B-BE4DFD613796}"/>
            </a:ext>
          </a:extLst>
        </xdr:cNvPr>
        <xdr:cNvSpPr txBox="1"/>
      </xdr:nvSpPr>
      <xdr:spPr>
        <a:xfrm>
          <a:off x="15266044" y="18414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51179</xdr:rowOff>
    </xdr:from>
    <xdr:ext cx="405111" cy="259045"/>
    <xdr:sp macro="" textlink="">
      <xdr:nvSpPr>
        <xdr:cNvPr id="797" name="n_2mainValue【庁舎】&#10;有形固定資産減価償却率">
          <a:extLst>
            <a:ext uri="{FF2B5EF4-FFF2-40B4-BE49-F238E27FC236}">
              <a16:creationId xmlns:a16="http://schemas.microsoft.com/office/drawing/2014/main" id="{3F971FBB-02AC-48BF-A417-673720F1DC28}"/>
            </a:ext>
          </a:extLst>
        </xdr:cNvPr>
        <xdr:cNvSpPr txBox="1"/>
      </xdr:nvSpPr>
      <xdr:spPr>
        <a:xfrm>
          <a:off x="14389744" y="18396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31585</xdr:rowOff>
    </xdr:from>
    <xdr:ext cx="405111" cy="259045"/>
    <xdr:sp macro="" textlink="">
      <xdr:nvSpPr>
        <xdr:cNvPr id="798" name="n_3mainValue【庁舎】&#10;有形固定資産減価償却率">
          <a:extLst>
            <a:ext uri="{FF2B5EF4-FFF2-40B4-BE49-F238E27FC236}">
              <a16:creationId xmlns:a16="http://schemas.microsoft.com/office/drawing/2014/main" id="{0350FD4E-839A-44D4-B839-BAD1E6C35B03}"/>
            </a:ext>
          </a:extLst>
        </xdr:cNvPr>
        <xdr:cNvSpPr txBox="1"/>
      </xdr:nvSpPr>
      <xdr:spPr>
        <a:xfrm>
          <a:off x="13500744" y="18376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7093</xdr:rowOff>
    </xdr:from>
    <xdr:ext cx="405111" cy="259045"/>
    <xdr:sp macro="" textlink="">
      <xdr:nvSpPr>
        <xdr:cNvPr id="799" name="n_4mainValue【庁舎】&#10;有形固定資産減価償却率">
          <a:extLst>
            <a:ext uri="{FF2B5EF4-FFF2-40B4-BE49-F238E27FC236}">
              <a16:creationId xmlns:a16="http://schemas.microsoft.com/office/drawing/2014/main" id="{5EC802A7-D4C9-42BA-844F-0ADCC89CB94B}"/>
            </a:ext>
          </a:extLst>
        </xdr:cNvPr>
        <xdr:cNvSpPr txBox="1"/>
      </xdr:nvSpPr>
      <xdr:spPr>
        <a:xfrm>
          <a:off x="12611744" y="18352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0" name="正方形/長方形 799">
          <a:extLst>
            <a:ext uri="{FF2B5EF4-FFF2-40B4-BE49-F238E27FC236}">
              <a16:creationId xmlns:a16="http://schemas.microsoft.com/office/drawing/2014/main" id="{9C9029E4-E4F5-4467-AEBB-E3CB83472CB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1" name="正方形/長方形 800">
          <a:extLst>
            <a:ext uri="{FF2B5EF4-FFF2-40B4-BE49-F238E27FC236}">
              <a16:creationId xmlns:a16="http://schemas.microsoft.com/office/drawing/2014/main" id="{66CEE014-6DA0-475E-B009-FAEF1733E7B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2" name="正方形/長方形 801">
          <a:extLst>
            <a:ext uri="{FF2B5EF4-FFF2-40B4-BE49-F238E27FC236}">
              <a16:creationId xmlns:a16="http://schemas.microsoft.com/office/drawing/2014/main" id="{0F1D6A81-4DCF-4D7F-AFE2-F8B981136A1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3" name="正方形/長方形 802">
          <a:extLst>
            <a:ext uri="{FF2B5EF4-FFF2-40B4-BE49-F238E27FC236}">
              <a16:creationId xmlns:a16="http://schemas.microsoft.com/office/drawing/2014/main" id="{49F529BF-7DE8-4112-82F6-00C7BF4DD76C}"/>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4" name="正方形/長方形 803">
          <a:extLst>
            <a:ext uri="{FF2B5EF4-FFF2-40B4-BE49-F238E27FC236}">
              <a16:creationId xmlns:a16="http://schemas.microsoft.com/office/drawing/2014/main" id="{C02325E5-9E6F-4C59-87AC-E6699F404B96}"/>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5" name="正方形/長方形 804">
          <a:extLst>
            <a:ext uri="{FF2B5EF4-FFF2-40B4-BE49-F238E27FC236}">
              <a16:creationId xmlns:a16="http://schemas.microsoft.com/office/drawing/2014/main" id="{51E9D307-E4BD-46CC-8C08-48F2AE7B02D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6" name="正方形/長方形 805">
          <a:extLst>
            <a:ext uri="{FF2B5EF4-FFF2-40B4-BE49-F238E27FC236}">
              <a16:creationId xmlns:a16="http://schemas.microsoft.com/office/drawing/2014/main" id="{93569B4E-4C66-4A07-BF19-9108ACD0F264}"/>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7" name="正方形/長方形 806">
          <a:extLst>
            <a:ext uri="{FF2B5EF4-FFF2-40B4-BE49-F238E27FC236}">
              <a16:creationId xmlns:a16="http://schemas.microsoft.com/office/drawing/2014/main" id="{811C6CE8-6317-4542-AF69-53C57BE81FC6}"/>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8" name="テキスト ボックス 807">
          <a:extLst>
            <a:ext uri="{FF2B5EF4-FFF2-40B4-BE49-F238E27FC236}">
              <a16:creationId xmlns:a16="http://schemas.microsoft.com/office/drawing/2014/main" id="{BCC1A73F-D15A-4898-9EEB-1CC082F51215}"/>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9" name="直線コネクタ 808">
          <a:extLst>
            <a:ext uri="{FF2B5EF4-FFF2-40B4-BE49-F238E27FC236}">
              <a16:creationId xmlns:a16="http://schemas.microsoft.com/office/drawing/2014/main" id="{065CF639-0680-4563-963A-ADCED7C08F2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10" name="直線コネクタ 809">
          <a:extLst>
            <a:ext uri="{FF2B5EF4-FFF2-40B4-BE49-F238E27FC236}">
              <a16:creationId xmlns:a16="http://schemas.microsoft.com/office/drawing/2014/main" id="{920C2D48-9F1A-4633-A925-3F5A10639773}"/>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11" name="テキスト ボックス 810">
          <a:extLst>
            <a:ext uri="{FF2B5EF4-FFF2-40B4-BE49-F238E27FC236}">
              <a16:creationId xmlns:a16="http://schemas.microsoft.com/office/drawing/2014/main" id="{92046451-BAFE-4A3F-AB10-330667BBE467}"/>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12" name="直線コネクタ 811">
          <a:extLst>
            <a:ext uri="{FF2B5EF4-FFF2-40B4-BE49-F238E27FC236}">
              <a16:creationId xmlns:a16="http://schemas.microsoft.com/office/drawing/2014/main" id="{C7DAB197-45EB-4564-BEE7-DD633D8D4A3F}"/>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13" name="テキスト ボックス 812">
          <a:extLst>
            <a:ext uri="{FF2B5EF4-FFF2-40B4-BE49-F238E27FC236}">
              <a16:creationId xmlns:a16="http://schemas.microsoft.com/office/drawing/2014/main" id="{A394B9A3-7F61-48AD-B07B-EB962D40B16A}"/>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4" name="直線コネクタ 813">
          <a:extLst>
            <a:ext uri="{FF2B5EF4-FFF2-40B4-BE49-F238E27FC236}">
              <a16:creationId xmlns:a16="http://schemas.microsoft.com/office/drawing/2014/main" id="{A7D7D35A-DCE5-4324-9C07-7AF973FD15F3}"/>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5" name="テキスト ボックス 814">
          <a:extLst>
            <a:ext uri="{FF2B5EF4-FFF2-40B4-BE49-F238E27FC236}">
              <a16:creationId xmlns:a16="http://schemas.microsoft.com/office/drawing/2014/main" id="{CA70858B-D049-4C61-98DE-CBE8D2114842}"/>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6" name="直線コネクタ 815">
          <a:extLst>
            <a:ext uri="{FF2B5EF4-FFF2-40B4-BE49-F238E27FC236}">
              <a16:creationId xmlns:a16="http://schemas.microsoft.com/office/drawing/2014/main" id="{7D0F69EE-1AA7-4093-BE22-952220E5928D}"/>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7" name="テキスト ボックス 816">
          <a:extLst>
            <a:ext uri="{FF2B5EF4-FFF2-40B4-BE49-F238E27FC236}">
              <a16:creationId xmlns:a16="http://schemas.microsoft.com/office/drawing/2014/main" id="{40146561-D4CD-40DA-99B0-2FFE684F3DD7}"/>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8" name="直線コネクタ 817">
          <a:extLst>
            <a:ext uri="{FF2B5EF4-FFF2-40B4-BE49-F238E27FC236}">
              <a16:creationId xmlns:a16="http://schemas.microsoft.com/office/drawing/2014/main" id="{75869CFF-CA4C-4D58-9AE3-6C12C5674BC3}"/>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9" name="テキスト ボックス 818">
          <a:extLst>
            <a:ext uri="{FF2B5EF4-FFF2-40B4-BE49-F238E27FC236}">
              <a16:creationId xmlns:a16="http://schemas.microsoft.com/office/drawing/2014/main" id="{1AC4F030-64DB-47EB-B953-36CF2B298AF9}"/>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0" name="直線コネクタ 819">
          <a:extLst>
            <a:ext uri="{FF2B5EF4-FFF2-40B4-BE49-F238E27FC236}">
              <a16:creationId xmlns:a16="http://schemas.microsoft.com/office/drawing/2014/main" id="{306495B8-559D-43F0-8DB3-8DC926C4588A}"/>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1" name="テキスト ボックス 820">
          <a:extLst>
            <a:ext uri="{FF2B5EF4-FFF2-40B4-BE49-F238E27FC236}">
              <a16:creationId xmlns:a16="http://schemas.microsoft.com/office/drawing/2014/main" id="{61B65BD7-A25D-4C30-9230-77F02321870D}"/>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2" name="【庁舎】&#10;一人当たり面積グラフ枠">
          <a:extLst>
            <a:ext uri="{FF2B5EF4-FFF2-40B4-BE49-F238E27FC236}">
              <a16:creationId xmlns:a16="http://schemas.microsoft.com/office/drawing/2014/main" id="{C8501C91-3F59-4C15-990F-625C9085DD4E}"/>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0961</xdr:rowOff>
    </xdr:from>
    <xdr:to>
      <xdr:col>116</xdr:col>
      <xdr:colOff>62864</xdr:colOff>
      <xdr:row>107</xdr:row>
      <xdr:rowOff>91439</xdr:rowOff>
    </xdr:to>
    <xdr:cxnSp macro="">
      <xdr:nvCxnSpPr>
        <xdr:cNvPr id="823" name="直線コネクタ 822">
          <a:extLst>
            <a:ext uri="{FF2B5EF4-FFF2-40B4-BE49-F238E27FC236}">
              <a16:creationId xmlns:a16="http://schemas.microsoft.com/office/drawing/2014/main" id="{6136B820-4AF4-42F0-B087-AF2F0536233C}"/>
            </a:ext>
          </a:extLst>
        </xdr:cNvPr>
        <xdr:cNvCxnSpPr/>
      </xdr:nvCxnSpPr>
      <xdr:spPr>
        <a:xfrm flipV="1">
          <a:off x="22160864" y="17377411"/>
          <a:ext cx="0" cy="10591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95266</xdr:rowOff>
    </xdr:from>
    <xdr:ext cx="469744" cy="259045"/>
    <xdr:sp macro="" textlink="">
      <xdr:nvSpPr>
        <xdr:cNvPr id="824" name="【庁舎】&#10;一人当たり面積最小値テキスト">
          <a:extLst>
            <a:ext uri="{FF2B5EF4-FFF2-40B4-BE49-F238E27FC236}">
              <a16:creationId xmlns:a16="http://schemas.microsoft.com/office/drawing/2014/main" id="{97A989D1-FD74-41A6-89D2-A2A3DF786ABD}"/>
            </a:ext>
          </a:extLst>
        </xdr:cNvPr>
        <xdr:cNvSpPr txBox="1"/>
      </xdr:nvSpPr>
      <xdr:spPr>
        <a:xfrm>
          <a:off x="22199600" y="18440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91439</xdr:rowOff>
    </xdr:from>
    <xdr:to>
      <xdr:col>116</xdr:col>
      <xdr:colOff>152400</xdr:colOff>
      <xdr:row>107</xdr:row>
      <xdr:rowOff>91439</xdr:rowOff>
    </xdr:to>
    <xdr:cxnSp macro="">
      <xdr:nvCxnSpPr>
        <xdr:cNvPr id="825" name="直線コネクタ 824">
          <a:extLst>
            <a:ext uri="{FF2B5EF4-FFF2-40B4-BE49-F238E27FC236}">
              <a16:creationId xmlns:a16="http://schemas.microsoft.com/office/drawing/2014/main" id="{CBD43C7A-2BEC-42E8-B954-F47508593EA3}"/>
            </a:ext>
          </a:extLst>
        </xdr:cNvPr>
        <xdr:cNvCxnSpPr/>
      </xdr:nvCxnSpPr>
      <xdr:spPr>
        <a:xfrm>
          <a:off x="22072600" y="18436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7638</xdr:rowOff>
    </xdr:from>
    <xdr:ext cx="469744" cy="259045"/>
    <xdr:sp macro="" textlink="">
      <xdr:nvSpPr>
        <xdr:cNvPr id="826" name="【庁舎】&#10;一人当たり面積最大値テキスト">
          <a:extLst>
            <a:ext uri="{FF2B5EF4-FFF2-40B4-BE49-F238E27FC236}">
              <a16:creationId xmlns:a16="http://schemas.microsoft.com/office/drawing/2014/main" id="{D5B3B657-3C56-4711-854D-C1900A49D41F}"/>
            </a:ext>
          </a:extLst>
        </xdr:cNvPr>
        <xdr:cNvSpPr txBox="1"/>
      </xdr:nvSpPr>
      <xdr:spPr>
        <a:xfrm>
          <a:off x="22199600" y="17152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0961</xdr:rowOff>
    </xdr:from>
    <xdr:to>
      <xdr:col>116</xdr:col>
      <xdr:colOff>152400</xdr:colOff>
      <xdr:row>101</xdr:row>
      <xdr:rowOff>60961</xdr:rowOff>
    </xdr:to>
    <xdr:cxnSp macro="">
      <xdr:nvCxnSpPr>
        <xdr:cNvPr id="827" name="直線コネクタ 826">
          <a:extLst>
            <a:ext uri="{FF2B5EF4-FFF2-40B4-BE49-F238E27FC236}">
              <a16:creationId xmlns:a16="http://schemas.microsoft.com/office/drawing/2014/main" id="{3D7303EC-4EE2-450C-9646-04B1371ACFB7}"/>
            </a:ext>
          </a:extLst>
        </xdr:cNvPr>
        <xdr:cNvCxnSpPr/>
      </xdr:nvCxnSpPr>
      <xdr:spPr>
        <a:xfrm>
          <a:off x="22072600" y="173774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09238</xdr:rowOff>
    </xdr:from>
    <xdr:ext cx="469744" cy="259045"/>
    <xdr:sp macro="" textlink="">
      <xdr:nvSpPr>
        <xdr:cNvPr id="828" name="【庁舎】&#10;一人当たり面積平均値テキスト">
          <a:extLst>
            <a:ext uri="{FF2B5EF4-FFF2-40B4-BE49-F238E27FC236}">
              <a16:creationId xmlns:a16="http://schemas.microsoft.com/office/drawing/2014/main" id="{716DE095-A430-45D4-8B16-EEAD9C80E6B1}"/>
            </a:ext>
          </a:extLst>
        </xdr:cNvPr>
        <xdr:cNvSpPr txBox="1"/>
      </xdr:nvSpPr>
      <xdr:spPr>
        <a:xfrm>
          <a:off x="22199600" y="179400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86361</xdr:rowOff>
    </xdr:from>
    <xdr:to>
      <xdr:col>116</xdr:col>
      <xdr:colOff>114300</xdr:colOff>
      <xdr:row>106</xdr:row>
      <xdr:rowOff>16511</xdr:rowOff>
    </xdr:to>
    <xdr:sp macro="" textlink="">
      <xdr:nvSpPr>
        <xdr:cNvPr id="829" name="フローチャート: 判断 828">
          <a:extLst>
            <a:ext uri="{FF2B5EF4-FFF2-40B4-BE49-F238E27FC236}">
              <a16:creationId xmlns:a16="http://schemas.microsoft.com/office/drawing/2014/main" id="{722F787C-13DD-46E6-BD71-F74D4F25BDD1}"/>
            </a:ext>
          </a:extLst>
        </xdr:cNvPr>
        <xdr:cNvSpPr/>
      </xdr:nvSpPr>
      <xdr:spPr>
        <a:xfrm>
          <a:off x="22110700" y="1808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86361</xdr:rowOff>
    </xdr:from>
    <xdr:to>
      <xdr:col>112</xdr:col>
      <xdr:colOff>38100</xdr:colOff>
      <xdr:row>106</xdr:row>
      <xdr:rowOff>16511</xdr:rowOff>
    </xdr:to>
    <xdr:sp macro="" textlink="">
      <xdr:nvSpPr>
        <xdr:cNvPr id="830" name="フローチャート: 判断 829">
          <a:extLst>
            <a:ext uri="{FF2B5EF4-FFF2-40B4-BE49-F238E27FC236}">
              <a16:creationId xmlns:a16="http://schemas.microsoft.com/office/drawing/2014/main" id="{B337BE92-E9D3-468E-9ADE-6F33DA1DD4CF}"/>
            </a:ext>
          </a:extLst>
        </xdr:cNvPr>
        <xdr:cNvSpPr/>
      </xdr:nvSpPr>
      <xdr:spPr>
        <a:xfrm>
          <a:off x="21272500" y="1808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24461</xdr:rowOff>
    </xdr:from>
    <xdr:to>
      <xdr:col>107</xdr:col>
      <xdr:colOff>101600</xdr:colOff>
      <xdr:row>106</xdr:row>
      <xdr:rowOff>54611</xdr:rowOff>
    </xdr:to>
    <xdr:sp macro="" textlink="">
      <xdr:nvSpPr>
        <xdr:cNvPr id="831" name="フローチャート: 判断 830">
          <a:extLst>
            <a:ext uri="{FF2B5EF4-FFF2-40B4-BE49-F238E27FC236}">
              <a16:creationId xmlns:a16="http://schemas.microsoft.com/office/drawing/2014/main" id="{D96B751C-4C9C-49E1-83C1-2F558962EFC6}"/>
            </a:ext>
          </a:extLst>
        </xdr:cNvPr>
        <xdr:cNvSpPr/>
      </xdr:nvSpPr>
      <xdr:spPr>
        <a:xfrm>
          <a:off x="20383500" y="1812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5411</xdr:rowOff>
    </xdr:from>
    <xdr:to>
      <xdr:col>102</xdr:col>
      <xdr:colOff>165100</xdr:colOff>
      <xdr:row>106</xdr:row>
      <xdr:rowOff>35561</xdr:rowOff>
    </xdr:to>
    <xdr:sp macro="" textlink="">
      <xdr:nvSpPr>
        <xdr:cNvPr id="832" name="フローチャート: 判断 831">
          <a:extLst>
            <a:ext uri="{FF2B5EF4-FFF2-40B4-BE49-F238E27FC236}">
              <a16:creationId xmlns:a16="http://schemas.microsoft.com/office/drawing/2014/main" id="{4F5F1D40-5556-46DA-BD41-F073AA61A951}"/>
            </a:ext>
          </a:extLst>
        </xdr:cNvPr>
        <xdr:cNvSpPr/>
      </xdr:nvSpPr>
      <xdr:spPr>
        <a:xfrm>
          <a:off x="19494500" y="1810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0170</xdr:rowOff>
    </xdr:from>
    <xdr:to>
      <xdr:col>98</xdr:col>
      <xdr:colOff>38100</xdr:colOff>
      <xdr:row>106</xdr:row>
      <xdr:rowOff>20320</xdr:rowOff>
    </xdr:to>
    <xdr:sp macro="" textlink="">
      <xdr:nvSpPr>
        <xdr:cNvPr id="833" name="フローチャート: 判断 832">
          <a:extLst>
            <a:ext uri="{FF2B5EF4-FFF2-40B4-BE49-F238E27FC236}">
              <a16:creationId xmlns:a16="http://schemas.microsoft.com/office/drawing/2014/main" id="{9C465190-4DFC-40BF-9610-F3F24DC66E6E}"/>
            </a:ext>
          </a:extLst>
        </xdr:cNvPr>
        <xdr:cNvSpPr/>
      </xdr:nvSpPr>
      <xdr:spPr>
        <a:xfrm>
          <a:off x="18605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id="{13FCF276-7958-4958-B1A6-B999EEFE269B}"/>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id="{204D98F0-E701-430D-942B-1B93AECE434D}"/>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id="{1DBCBB78-F2CE-4F8F-B66B-9ABF3B4FE00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id="{76CD77D4-F6E1-40E9-A239-9412B8EA951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id="{08FD592C-6175-475E-862F-3728A43B8878}"/>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13030</xdr:rowOff>
    </xdr:from>
    <xdr:to>
      <xdr:col>116</xdr:col>
      <xdr:colOff>114300</xdr:colOff>
      <xdr:row>106</xdr:row>
      <xdr:rowOff>43180</xdr:rowOff>
    </xdr:to>
    <xdr:sp macro="" textlink="">
      <xdr:nvSpPr>
        <xdr:cNvPr id="839" name="楕円 838">
          <a:extLst>
            <a:ext uri="{FF2B5EF4-FFF2-40B4-BE49-F238E27FC236}">
              <a16:creationId xmlns:a16="http://schemas.microsoft.com/office/drawing/2014/main" id="{301BD7A5-A8EE-4D0C-877B-B7871D15835D}"/>
            </a:ext>
          </a:extLst>
        </xdr:cNvPr>
        <xdr:cNvSpPr/>
      </xdr:nvSpPr>
      <xdr:spPr>
        <a:xfrm>
          <a:off x="22110700" y="181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91457</xdr:rowOff>
    </xdr:from>
    <xdr:ext cx="469744" cy="259045"/>
    <xdr:sp macro="" textlink="">
      <xdr:nvSpPr>
        <xdr:cNvPr id="840" name="【庁舎】&#10;一人当たり面積該当値テキスト">
          <a:extLst>
            <a:ext uri="{FF2B5EF4-FFF2-40B4-BE49-F238E27FC236}">
              <a16:creationId xmlns:a16="http://schemas.microsoft.com/office/drawing/2014/main" id="{DDDCBFFD-4FFC-47E3-9935-ED8A7E2E1118}"/>
            </a:ext>
          </a:extLst>
        </xdr:cNvPr>
        <xdr:cNvSpPr txBox="1"/>
      </xdr:nvSpPr>
      <xdr:spPr>
        <a:xfrm>
          <a:off x="22199600" y="1809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13030</xdr:rowOff>
    </xdr:from>
    <xdr:to>
      <xdr:col>112</xdr:col>
      <xdr:colOff>38100</xdr:colOff>
      <xdr:row>106</xdr:row>
      <xdr:rowOff>43180</xdr:rowOff>
    </xdr:to>
    <xdr:sp macro="" textlink="">
      <xdr:nvSpPr>
        <xdr:cNvPr id="841" name="楕円 840">
          <a:extLst>
            <a:ext uri="{FF2B5EF4-FFF2-40B4-BE49-F238E27FC236}">
              <a16:creationId xmlns:a16="http://schemas.microsoft.com/office/drawing/2014/main" id="{35C0590E-3DEE-4EF4-AF23-0EF6C0A91E70}"/>
            </a:ext>
          </a:extLst>
        </xdr:cNvPr>
        <xdr:cNvSpPr/>
      </xdr:nvSpPr>
      <xdr:spPr>
        <a:xfrm>
          <a:off x="21272500" y="181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63830</xdr:rowOff>
    </xdr:from>
    <xdr:to>
      <xdr:col>116</xdr:col>
      <xdr:colOff>63500</xdr:colOff>
      <xdr:row>105</xdr:row>
      <xdr:rowOff>163830</xdr:rowOff>
    </xdr:to>
    <xdr:cxnSp macro="">
      <xdr:nvCxnSpPr>
        <xdr:cNvPr id="842" name="直線コネクタ 841">
          <a:extLst>
            <a:ext uri="{FF2B5EF4-FFF2-40B4-BE49-F238E27FC236}">
              <a16:creationId xmlns:a16="http://schemas.microsoft.com/office/drawing/2014/main" id="{5CE9376D-C1FD-4AB2-8170-105AE18CB1CA}"/>
            </a:ext>
          </a:extLst>
        </xdr:cNvPr>
        <xdr:cNvCxnSpPr/>
      </xdr:nvCxnSpPr>
      <xdr:spPr>
        <a:xfrm>
          <a:off x="21323300" y="181660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13030</xdr:rowOff>
    </xdr:from>
    <xdr:to>
      <xdr:col>107</xdr:col>
      <xdr:colOff>101600</xdr:colOff>
      <xdr:row>106</xdr:row>
      <xdr:rowOff>43180</xdr:rowOff>
    </xdr:to>
    <xdr:sp macro="" textlink="">
      <xdr:nvSpPr>
        <xdr:cNvPr id="843" name="楕円 842">
          <a:extLst>
            <a:ext uri="{FF2B5EF4-FFF2-40B4-BE49-F238E27FC236}">
              <a16:creationId xmlns:a16="http://schemas.microsoft.com/office/drawing/2014/main" id="{A891B59C-DEAA-404F-AC0F-B5EBF2C45CEF}"/>
            </a:ext>
          </a:extLst>
        </xdr:cNvPr>
        <xdr:cNvSpPr/>
      </xdr:nvSpPr>
      <xdr:spPr>
        <a:xfrm>
          <a:off x="20383500" y="181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63830</xdr:rowOff>
    </xdr:from>
    <xdr:to>
      <xdr:col>111</xdr:col>
      <xdr:colOff>177800</xdr:colOff>
      <xdr:row>105</xdr:row>
      <xdr:rowOff>163830</xdr:rowOff>
    </xdr:to>
    <xdr:cxnSp macro="">
      <xdr:nvCxnSpPr>
        <xdr:cNvPr id="844" name="直線コネクタ 843">
          <a:extLst>
            <a:ext uri="{FF2B5EF4-FFF2-40B4-BE49-F238E27FC236}">
              <a16:creationId xmlns:a16="http://schemas.microsoft.com/office/drawing/2014/main" id="{2A28DF48-D1FB-4778-BE6D-B29B16E4BB0F}"/>
            </a:ext>
          </a:extLst>
        </xdr:cNvPr>
        <xdr:cNvCxnSpPr/>
      </xdr:nvCxnSpPr>
      <xdr:spPr>
        <a:xfrm>
          <a:off x="20434300" y="18166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13030</xdr:rowOff>
    </xdr:from>
    <xdr:to>
      <xdr:col>102</xdr:col>
      <xdr:colOff>165100</xdr:colOff>
      <xdr:row>106</xdr:row>
      <xdr:rowOff>43180</xdr:rowOff>
    </xdr:to>
    <xdr:sp macro="" textlink="">
      <xdr:nvSpPr>
        <xdr:cNvPr id="845" name="楕円 844">
          <a:extLst>
            <a:ext uri="{FF2B5EF4-FFF2-40B4-BE49-F238E27FC236}">
              <a16:creationId xmlns:a16="http://schemas.microsoft.com/office/drawing/2014/main" id="{405CC53E-822D-43B7-BB47-E3C3DB3D7BAC}"/>
            </a:ext>
          </a:extLst>
        </xdr:cNvPr>
        <xdr:cNvSpPr/>
      </xdr:nvSpPr>
      <xdr:spPr>
        <a:xfrm>
          <a:off x="19494500" y="181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63830</xdr:rowOff>
    </xdr:from>
    <xdr:to>
      <xdr:col>107</xdr:col>
      <xdr:colOff>50800</xdr:colOff>
      <xdr:row>105</xdr:row>
      <xdr:rowOff>163830</xdr:rowOff>
    </xdr:to>
    <xdr:cxnSp macro="">
      <xdr:nvCxnSpPr>
        <xdr:cNvPr id="846" name="直線コネクタ 845">
          <a:extLst>
            <a:ext uri="{FF2B5EF4-FFF2-40B4-BE49-F238E27FC236}">
              <a16:creationId xmlns:a16="http://schemas.microsoft.com/office/drawing/2014/main" id="{76CD5142-44EF-4F0E-8439-6A243EB221DB}"/>
            </a:ext>
          </a:extLst>
        </xdr:cNvPr>
        <xdr:cNvCxnSpPr/>
      </xdr:nvCxnSpPr>
      <xdr:spPr>
        <a:xfrm>
          <a:off x="19545300" y="18166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101600</xdr:rowOff>
    </xdr:from>
    <xdr:to>
      <xdr:col>98</xdr:col>
      <xdr:colOff>38100</xdr:colOff>
      <xdr:row>106</xdr:row>
      <xdr:rowOff>31750</xdr:rowOff>
    </xdr:to>
    <xdr:sp macro="" textlink="">
      <xdr:nvSpPr>
        <xdr:cNvPr id="847" name="楕円 846">
          <a:extLst>
            <a:ext uri="{FF2B5EF4-FFF2-40B4-BE49-F238E27FC236}">
              <a16:creationId xmlns:a16="http://schemas.microsoft.com/office/drawing/2014/main" id="{59FE1876-0A7B-46C2-95DC-D73E072BA6F6}"/>
            </a:ext>
          </a:extLst>
        </xdr:cNvPr>
        <xdr:cNvSpPr/>
      </xdr:nvSpPr>
      <xdr:spPr>
        <a:xfrm>
          <a:off x="18605500" y="1810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52400</xdr:rowOff>
    </xdr:from>
    <xdr:to>
      <xdr:col>102</xdr:col>
      <xdr:colOff>114300</xdr:colOff>
      <xdr:row>105</xdr:row>
      <xdr:rowOff>163830</xdr:rowOff>
    </xdr:to>
    <xdr:cxnSp macro="">
      <xdr:nvCxnSpPr>
        <xdr:cNvPr id="848" name="直線コネクタ 847">
          <a:extLst>
            <a:ext uri="{FF2B5EF4-FFF2-40B4-BE49-F238E27FC236}">
              <a16:creationId xmlns:a16="http://schemas.microsoft.com/office/drawing/2014/main" id="{9238C4CD-8E76-40B8-9688-F2465DCCDAB8}"/>
            </a:ext>
          </a:extLst>
        </xdr:cNvPr>
        <xdr:cNvCxnSpPr/>
      </xdr:nvCxnSpPr>
      <xdr:spPr>
        <a:xfrm>
          <a:off x="18656300" y="1815465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33038</xdr:rowOff>
    </xdr:from>
    <xdr:ext cx="469744" cy="259045"/>
    <xdr:sp macro="" textlink="">
      <xdr:nvSpPr>
        <xdr:cNvPr id="849" name="n_1aveValue【庁舎】&#10;一人当たり面積">
          <a:extLst>
            <a:ext uri="{FF2B5EF4-FFF2-40B4-BE49-F238E27FC236}">
              <a16:creationId xmlns:a16="http://schemas.microsoft.com/office/drawing/2014/main" id="{67FF9983-204F-4C24-A2AC-11F9661A3CE3}"/>
            </a:ext>
          </a:extLst>
        </xdr:cNvPr>
        <xdr:cNvSpPr txBox="1"/>
      </xdr:nvSpPr>
      <xdr:spPr>
        <a:xfrm>
          <a:off x="21075727" y="17863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45738</xdr:rowOff>
    </xdr:from>
    <xdr:ext cx="469744" cy="259045"/>
    <xdr:sp macro="" textlink="">
      <xdr:nvSpPr>
        <xdr:cNvPr id="850" name="n_2aveValue【庁舎】&#10;一人当たり面積">
          <a:extLst>
            <a:ext uri="{FF2B5EF4-FFF2-40B4-BE49-F238E27FC236}">
              <a16:creationId xmlns:a16="http://schemas.microsoft.com/office/drawing/2014/main" id="{E2064815-7C6E-4F5D-A168-A9048E8534DD}"/>
            </a:ext>
          </a:extLst>
        </xdr:cNvPr>
        <xdr:cNvSpPr txBox="1"/>
      </xdr:nvSpPr>
      <xdr:spPr>
        <a:xfrm>
          <a:off x="20199427" y="18219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52088</xdr:rowOff>
    </xdr:from>
    <xdr:ext cx="469744" cy="259045"/>
    <xdr:sp macro="" textlink="">
      <xdr:nvSpPr>
        <xdr:cNvPr id="851" name="n_3aveValue【庁舎】&#10;一人当たり面積">
          <a:extLst>
            <a:ext uri="{FF2B5EF4-FFF2-40B4-BE49-F238E27FC236}">
              <a16:creationId xmlns:a16="http://schemas.microsoft.com/office/drawing/2014/main" id="{3C55C841-7C8C-48B5-B5FB-01A485FDFC6D}"/>
            </a:ext>
          </a:extLst>
        </xdr:cNvPr>
        <xdr:cNvSpPr txBox="1"/>
      </xdr:nvSpPr>
      <xdr:spPr>
        <a:xfrm>
          <a:off x="19310427" y="17882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36847</xdr:rowOff>
    </xdr:from>
    <xdr:ext cx="469744" cy="259045"/>
    <xdr:sp macro="" textlink="">
      <xdr:nvSpPr>
        <xdr:cNvPr id="852" name="n_4aveValue【庁舎】&#10;一人当たり面積">
          <a:extLst>
            <a:ext uri="{FF2B5EF4-FFF2-40B4-BE49-F238E27FC236}">
              <a16:creationId xmlns:a16="http://schemas.microsoft.com/office/drawing/2014/main" id="{2661B11C-0316-4EEF-8A5A-45B8AE896DF0}"/>
            </a:ext>
          </a:extLst>
        </xdr:cNvPr>
        <xdr:cNvSpPr txBox="1"/>
      </xdr:nvSpPr>
      <xdr:spPr>
        <a:xfrm>
          <a:off x="18421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34307</xdr:rowOff>
    </xdr:from>
    <xdr:ext cx="469744" cy="259045"/>
    <xdr:sp macro="" textlink="">
      <xdr:nvSpPr>
        <xdr:cNvPr id="853" name="n_1mainValue【庁舎】&#10;一人当たり面積">
          <a:extLst>
            <a:ext uri="{FF2B5EF4-FFF2-40B4-BE49-F238E27FC236}">
              <a16:creationId xmlns:a16="http://schemas.microsoft.com/office/drawing/2014/main" id="{33B59675-6640-4931-989B-A860DEB83F45}"/>
            </a:ext>
          </a:extLst>
        </xdr:cNvPr>
        <xdr:cNvSpPr txBox="1"/>
      </xdr:nvSpPr>
      <xdr:spPr>
        <a:xfrm>
          <a:off x="210757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59707</xdr:rowOff>
    </xdr:from>
    <xdr:ext cx="469744" cy="259045"/>
    <xdr:sp macro="" textlink="">
      <xdr:nvSpPr>
        <xdr:cNvPr id="854" name="n_2mainValue【庁舎】&#10;一人当たり面積">
          <a:extLst>
            <a:ext uri="{FF2B5EF4-FFF2-40B4-BE49-F238E27FC236}">
              <a16:creationId xmlns:a16="http://schemas.microsoft.com/office/drawing/2014/main" id="{E15C1B8D-F880-48E2-A0F8-73593C59ED09}"/>
            </a:ext>
          </a:extLst>
        </xdr:cNvPr>
        <xdr:cNvSpPr txBox="1"/>
      </xdr:nvSpPr>
      <xdr:spPr>
        <a:xfrm>
          <a:off x="20199427" y="178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4307</xdr:rowOff>
    </xdr:from>
    <xdr:ext cx="469744" cy="259045"/>
    <xdr:sp macro="" textlink="">
      <xdr:nvSpPr>
        <xdr:cNvPr id="855" name="n_3mainValue【庁舎】&#10;一人当たり面積">
          <a:extLst>
            <a:ext uri="{FF2B5EF4-FFF2-40B4-BE49-F238E27FC236}">
              <a16:creationId xmlns:a16="http://schemas.microsoft.com/office/drawing/2014/main" id="{319FB6D2-BD55-4A84-BDDB-2F81E92F5575}"/>
            </a:ext>
          </a:extLst>
        </xdr:cNvPr>
        <xdr:cNvSpPr txBox="1"/>
      </xdr:nvSpPr>
      <xdr:spPr>
        <a:xfrm>
          <a:off x="19310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22877</xdr:rowOff>
    </xdr:from>
    <xdr:ext cx="469744" cy="259045"/>
    <xdr:sp macro="" textlink="">
      <xdr:nvSpPr>
        <xdr:cNvPr id="856" name="n_4mainValue【庁舎】&#10;一人当たり面積">
          <a:extLst>
            <a:ext uri="{FF2B5EF4-FFF2-40B4-BE49-F238E27FC236}">
              <a16:creationId xmlns:a16="http://schemas.microsoft.com/office/drawing/2014/main" id="{AC7E7FAB-17EA-4791-92D9-CC571EA195DE}"/>
            </a:ext>
          </a:extLst>
        </xdr:cNvPr>
        <xdr:cNvSpPr txBox="1"/>
      </xdr:nvSpPr>
      <xdr:spPr>
        <a:xfrm>
          <a:off x="18421427" y="1819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7" name="正方形/長方形 856">
          <a:extLst>
            <a:ext uri="{FF2B5EF4-FFF2-40B4-BE49-F238E27FC236}">
              <a16:creationId xmlns:a16="http://schemas.microsoft.com/office/drawing/2014/main" id="{D64138C1-2017-4F48-8959-111FD74B06B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8" name="正方形/長方形 857">
          <a:extLst>
            <a:ext uri="{FF2B5EF4-FFF2-40B4-BE49-F238E27FC236}">
              <a16:creationId xmlns:a16="http://schemas.microsoft.com/office/drawing/2014/main" id="{2398B559-0A89-482C-8121-533098C4671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9" name="テキスト ボックス 858">
          <a:extLst>
            <a:ext uri="{FF2B5EF4-FFF2-40B4-BE49-F238E27FC236}">
              <a16:creationId xmlns:a16="http://schemas.microsoft.com/office/drawing/2014/main" id="{186B5C71-F8B5-43D5-BD68-CD9F706561F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図書館、消防施設、市民会館及び庁舎などについては類似団体平均に比べて高い数値となっているが、統廃合を進め、更新していく計画を進めているところである。</a:t>
          </a:r>
          <a:endParaRPr lang="ja-JP" altLang="ja-JP" sz="1400">
            <a:effectLst/>
          </a:endParaRPr>
        </a:p>
        <a:p>
          <a:r>
            <a:rPr kumimoji="1" lang="ja-JP" altLang="ja-JP" sz="1100">
              <a:solidFill>
                <a:schemeClr val="dk1"/>
              </a:solidFill>
              <a:effectLst/>
              <a:latin typeface="+mn-lt"/>
              <a:ea typeface="+mn-ea"/>
              <a:cs typeface="+mn-cs"/>
            </a:rPr>
            <a:t>なお、図書館</a:t>
          </a:r>
          <a:r>
            <a:rPr kumimoji="1" lang="ja-JP" altLang="en-US" sz="1100">
              <a:solidFill>
                <a:schemeClr val="dk1"/>
              </a:solidFill>
              <a:effectLst/>
              <a:latin typeface="+mn-lt"/>
              <a:ea typeface="+mn-ea"/>
              <a:cs typeface="+mn-cs"/>
            </a:rPr>
            <a:t>は令和２年度まで</a:t>
          </a:r>
          <a:r>
            <a:rPr kumimoji="1" lang="en-US" altLang="ja-JP" sz="1100">
              <a:solidFill>
                <a:schemeClr val="dk1"/>
              </a:solidFill>
              <a:effectLst/>
              <a:latin typeface="+mn-lt"/>
              <a:ea typeface="+mn-ea"/>
              <a:cs typeface="+mn-cs"/>
            </a:rPr>
            <a:t>100</a:t>
          </a:r>
          <a:r>
            <a:rPr kumimoji="1" lang="ja-JP" altLang="en-US" sz="1100">
              <a:solidFill>
                <a:schemeClr val="dk1"/>
              </a:solidFill>
              <a:effectLst/>
              <a:latin typeface="+mn-lt"/>
              <a:ea typeface="+mn-ea"/>
              <a:cs typeface="+mn-cs"/>
            </a:rPr>
            <a:t>％だったが、</a:t>
          </a:r>
          <a:r>
            <a:rPr kumimoji="1" lang="ja-JP" altLang="ja-JP" sz="1100">
              <a:solidFill>
                <a:schemeClr val="dk1"/>
              </a:solidFill>
              <a:effectLst/>
              <a:latin typeface="+mn-lt"/>
              <a:ea typeface="+mn-ea"/>
              <a:cs typeface="+mn-cs"/>
            </a:rPr>
            <a:t>中央図書館の耐震改修工事を令和３年度に実施する</a:t>
          </a:r>
          <a:r>
            <a:rPr kumimoji="1" lang="ja-JP" altLang="en-US" sz="1100">
              <a:solidFill>
                <a:schemeClr val="dk1"/>
              </a:solidFill>
              <a:effectLst/>
              <a:latin typeface="+mn-lt"/>
              <a:ea typeface="+mn-ea"/>
              <a:cs typeface="+mn-cs"/>
            </a:rPr>
            <a:t>ことで、有形固定資産減価償却率が減少した。今後も</a:t>
          </a:r>
          <a:r>
            <a:rPr kumimoji="1" lang="ja-JP" altLang="ja-JP" sz="1100">
              <a:solidFill>
                <a:schemeClr val="dk1"/>
              </a:solidFill>
              <a:effectLst/>
              <a:latin typeface="+mn-lt"/>
              <a:ea typeface="+mn-ea"/>
              <a:cs typeface="+mn-cs"/>
            </a:rPr>
            <a:t>使用に問題がないよう適切に維持管理を行</a:t>
          </a:r>
          <a:r>
            <a:rPr kumimoji="1" lang="ja-JP" altLang="en-US" sz="1100">
              <a:solidFill>
                <a:schemeClr val="dk1"/>
              </a:solidFill>
              <a:effectLst/>
              <a:latin typeface="+mn-lt"/>
              <a:ea typeface="+mn-ea"/>
              <a:cs typeface="+mn-cs"/>
            </a:rPr>
            <a:t>う</a:t>
          </a:r>
          <a:r>
            <a:rPr lang="ja-JP" altLang="ja-JP" sz="1100" b="0" i="0" baseline="0">
              <a:solidFill>
                <a:schemeClr val="dk1"/>
              </a:solidFill>
              <a:effectLst/>
              <a:latin typeface="+mn-lt"/>
              <a:ea typeface="+mn-ea"/>
              <a:cs typeface="+mn-cs"/>
            </a:rPr>
            <a:t>。 </a:t>
          </a:r>
          <a:endParaRPr lang="ja-JP" altLang="ja-JP" sz="1400">
            <a:effectLst/>
          </a:endParaRPr>
        </a:p>
        <a:p>
          <a:r>
            <a:rPr kumimoji="1" lang="ja-JP" altLang="ja-JP" sz="1100">
              <a:solidFill>
                <a:schemeClr val="dk1"/>
              </a:solidFill>
              <a:effectLst/>
              <a:latin typeface="+mn-lt"/>
              <a:ea typeface="+mn-ea"/>
              <a:cs typeface="+mn-cs"/>
            </a:rPr>
            <a:t>本市が所有する施設は老朽化している施設が多くなっており、大規模な事業費がかかるため計画的に老朽化対策に取り組んでいく必要があ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1
175,421
39.66
69,868,970
64,948,417
4,560,901
36,532,544
31,933,37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solidFill>
                <a:schemeClr val="dk1"/>
              </a:solidFill>
              <a:effectLst/>
              <a:latin typeface="+mn-lt"/>
              <a:ea typeface="+mn-ea"/>
              <a:cs typeface="+mn-cs"/>
            </a:rPr>
            <a:t>　</a:t>
          </a:r>
          <a:r>
            <a:rPr kumimoji="1" lang="ja-JP" altLang="ja-JP" sz="1050">
              <a:solidFill>
                <a:schemeClr val="dk1"/>
              </a:solidFill>
              <a:effectLst/>
              <a:latin typeface="+mn-lt"/>
              <a:ea typeface="+mn-ea"/>
              <a:cs typeface="+mn-cs"/>
            </a:rPr>
            <a:t>基準財政需要額は対前年に比べ約</a:t>
          </a:r>
          <a:r>
            <a:rPr kumimoji="1" lang="en-US" altLang="ja-JP" sz="1050">
              <a:solidFill>
                <a:schemeClr val="dk1"/>
              </a:solidFill>
              <a:effectLst/>
              <a:latin typeface="+mn-lt"/>
              <a:ea typeface="+mn-ea"/>
              <a:cs typeface="+mn-cs"/>
            </a:rPr>
            <a:t>11.8</a:t>
          </a:r>
          <a:r>
            <a:rPr kumimoji="1" lang="ja-JP" altLang="ja-JP" sz="1050">
              <a:solidFill>
                <a:schemeClr val="dk1"/>
              </a:solidFill>
              <a:effectLst/>
              <a:latin typeface="+mn-lt"/>
              <a:ea typeface="+mn-ea"/>
              <a:cs typeface="+mn-cs"/>
            </a:rPr>
            <a:t>億円増加し、基準財政収入額は約</a:t>
          </a:r>
          <a:r>
            <a:rPr kumimoji="1" lang="en-US" altLang="ja-JP" sz="1050">
              <a:solidFill>
                <a:schemeClr val="dk1"/>
              </a:solidFill>
              <a:effectLst/>
              <a:latin typeface="+mn-lt"/>
              <a:ea typeface="+mn-ea"/>
              <a:cs typeface="+mn-cs"/>
            </a:rPr>
            <a:t>7.3</a:t>
          </a:r>
          <a:r>
            <a:rPr kumimoji="1" lang="ja-JP" altLang="ja-JP" sz="1050">
              <a:solidFill>
                <a:schemeClr val="dk1"/>
              </a:solidFill>
              <a:effectLst/>
              <a:latin typeface="+mn-lt"/>
              <a:ea typeface="+mn-ea"/>
              <a:cs typeface="+mn-cs"/>
            </a:rPr>
            <a:t>億円</a:t>
          </a:r>
          <a:r>
            <a:rPr kumimoji="1" lang="ja-JP" altLang="en-US" sz="1050">
              <a:solidFill>
                <a:schemeClr val="dk1"/>
              </a:solidFill>
              <a:effectLst/>
              <a:latin typeface="+mn-lt"/>
              <a:ea typeface="+mn-ea"/>
              <a:cs typeface="+mn-cs"/>
            </a:rPr>
            <a:t>減少</a:t>
          </a:r>
          <a:r>
            <a:rPr kumimoji="1" lang="ja-JP" altLang="ja-JP" sz="1050">
              <a:solidFill>
                <a:schemeClr val="dk1"/>
              </a:solidFill>
              <a:effectLst/>
              <a:latin typeface="+mn-lt"/>
              <a:ea typeface="+mn-ea"/>
              <a:cs typeface="+mn-cs"/>
            </a:rPr>
            <a:t>した。前年約</a:t>
          </a:r>
          <a:r>
            <a:rPr kumimoji="1" lang="en-US" altLang="ja-JP" sz="1050">
              <a:solidFill>
                <a:schemeClr val="dk1"/>
              </a:solidFill>
              <a:effectLst/>
              <a:latin typeface="+mn-lt"/>
              <a:ea typeface="+mn-ea"/>
              <a:cs typeface="+mn-cs"/>
            </a:rPr>
            <a:t>25.8</a:t>
          </a:r>
          <a:r>
            <a:rPr kumimoji="1" lang="ja-JP" altLang="ja-JP" sz="1050">
              <a:solidFill>
                <a:schemeClr val="dk1"/>
              </a:solidFill>
              <a:effectLst/>
              <a:latin typeface="+mn-lt"/>
              <a:ea typeface="+mn-ea"/>
              <a:cs typeface="+mn-cs"/>
            </a:rPr>
            <a:t>億円の財源超過であった</a:t>
          </a:r>
          <a:r>
            <a:rPr kumimoji="1" lang="ja-JP" altLang="en-US" sz="1050">
              <a:solidFill>
                <a:schemeClr val="dk1"/>
              </a:solidFill>
              <a:effectLst/>
              <a:latin typeface="+mn-lt"/>
              <a:ea typeface="+mn-ea"/>
              <a:cs typeface="+mn-cs"/>
            </a:rPr>
            <a:t>が、これらの要因により、財源超過額は計約</a:t>
          </a:r>
          <a:r>
            <a:rPr kumimoji="1" lang="en-US" altLang="ja-JP" sz="1050">
              <a:solidFill>
                <a:schemeClr val="dk1"/>
              </a:solidFill>
              <a:effectLst/>
              <a:latin typeface="+mn-lt"/>
              <a:ea typeface="+mn-ea"/>
              <a:cs typeface="+mn-cs"/>
            </a:rPr>
            <a:t>6.7</a:t>
          </a:r>
          <a:r>
            <a:rPr kumimoji="1" lang="ja-JP" altLang="en-US" sz="1050">
              <a:solidFill>
                <a:schemeClr val="dk1"/>
              </a:solidFill>
              <a:effectLst/>
              <a:latin typeface="+mn-lt"/>
              <a:ea typeface="+mn-ea"/>
              <a:cs typeface="+mn-cs"/>
            </a:rPr>
            <a:t>億円に減少した。</a:t>
          </a:r>
          <a:r>
            <a:rPr kumimoji="1" lang="ja-JP" altLang="ja-JP" sz="1050">
              <a:solidFill>
                <a:schemeClr val="dk1"/>
              </a:solidFill>
              <a:effectLst/>
              <a:latin typeface="+mn-lt"/>
              <a:ea typeface="+mn-ea"/>
              <a:cs typeface="+mn-cs"/>
            </a:rPr>
            <a:t>基準財政需要額増の要因は、</a:t>
          </a:r>
          <a:r>
            <a:rPr kumimoji="1" lang="ja-JP" altLang="en-US" sz="1050">
              <a:solidFill>
                <a:schemeClr val="dk1"/>
              </a:solidFill>
              <a:effectLst/>
              <a:latin typeface="+mn-lt"/>
              <a:ea typeface="+mn-ea"/>
              <a:cs typeface="+mn-cs"/>
            </a:rPr>
            <a:t>高齢者保健</a:t>
          </a:r>
          <a:r>
            <a:rPr kumimoji="1" lang="ja-JP" altLang="ja-JP" sz="1050">
              <a:solidFill>
                <a:schemeClr val="dk1"/>
              </a:solidFill>
              <a:effectLst/>
              <a:latin typeface="+mn-lt"/>
              <a:ea typeface="+mn-ea"/>
              <a:cs typeface="+mn-cs"/>
            </a:rPr>
            <a:t>福祉費が対前年に比べ、約</a:t>
          </a:r>
          <a:r>
            <a:rPr kumimoji="1" lang="en-US" altLang="ja-JP" sz="1050">
              <a:solidFill>
                <a:schemeClr val="dk1"/>
              </a:solidFill>
              <a:effectLst/>
              <a:latin typeface="+mn-lt"/>
              <a:ea typeface="+mn-ea"/>
              <a:cs typeface="+mn-cs"/>
            </a:rPr>
            <a:t>2.9</a:t>
          </a:r>
          <a:r>
            <a:rPr kumimoji="1" lang="ja-JP" altLang="ja-JP" sz="1050">
              <a:solidFill>
                <a:schemeClr val="dk1"/>
              </a:solidFill>
              <a:effectLst/>
              <a:latin typeface="+mn-lt"/>
              <a:ea typeface="+mn-ea"/>
              <a:cs typeface="+mn-cs"/>
            </a:rPr>
            <a:t>億円増加したことなどである。基準財政収入額</a:t>
          </a:r>
          <a:r>
            <a:rPr kumimoji="1" lang="ja-JP" altLang="en-US" sz="1050">
              <a:solidFill>
                <a:schemeClr val="dk1"/>
              </a:solidFill>
              <a:effectLst/>
              <a:latin typeface="+mn-lt"/>
              <a:ea typeface="+mn-ea"/>
              <a:cs typeface="+mn-cs"/>
            </a:rPr>
            <a:t>減</a:t>
          </a:r>
          <a:r>
            <a:rPr kumimoji="1" lang="ja-JP" altLang="ja-JP" sz="1050">
              <a:solidFill>
                <a:schemeClr val="dk1"/>
              </a:solidFill>
              <a:effectLst/>
              <a:latin typeface="+mn-lt"/>
              <a:ea typeface="+mn-ea"/>
              <a:cs typeface="+mn-cs"/>
            </a:rPr>
            <a:t>の要因は、</a:t>
          </a:r>
          <a:r>
            <a:rPr kumimoji="1" lang="ja-JP" altLang="en-US" sz="1050">
              <a:solidFill>
                <a:schemeClr val="dk1"/>
              </a:solidFill>
              <a:effectLst/>
              <a:latin typeface="+mn-lt"/>
              <a:ea typeface="+mn-ea"/>
              <a:cs typeface="+mn-cs"/>
            </a:rPr>
            <a:t>市町村民税</a:t>
          </a:r>
          <a:r>
            <a:rPr kumimoji="1" lang="ja-JP" altLang="ja-JP" sz="1050">
              <a:solidFill>
                <a:schemeClr val="dk1"/>
              </a:solidFill>
              <a:effectLst/>
              <a:latin typeface="+mn-lt"/>
              <a:ea typeface="+mn-ea"/>
              <a:cs typeface="+mn-cs"/>
            </a:rPr>
            <a:t>が約</a:t>
          </a:r>
          <a:r>
            <a:rPr kumimoji="1" lang="en-US" altLang="ja-JP" sz="1050">
              <a:solidFill>
                <a:schemeClr val="dk1"/>
              </a:solidFill>
              <a:effectLst/>
              <a:latin typeface="+mn-lt"/>
              <a:ea typeface="+mn-ea"/>
              <a:cs typeface="+mn-cs"/>
            </a:rPr>
            <a:t>7.3</a:t>
          </a:r>
          <a:r>
            <a:rPr kumimoji="1" lang="ja-JP" altLang="ja-JP" sz="1050">
              <a:solidFill>
                <a:schemeClr val="dk1"/>
              </a:solidFill>
              <a:effectLst/>
              <a:latin typeface="+mn-lt"/>
              <a:ea typeface="+mn-ea"/>
              <a:cs typeface="+mn-cs"/>
            </a:rPr>
            <a:t>億円対前年に比べ、</a:t>
          </a:r>
          <a:r>
            <a:rPr kumimoji="1" lang="ja-JP" altLang="en-US" sz="1050">
              <a:solidFill>
                <a:schemeClr val="dk1"/>
              </a:solidFill>
              <a:effectLst/>
              <a:latin typeface="+mn-lt"/>
              <a:ea typeface="+mn-ea"/>
              <a:cs typeface="+mn-cs"/>
            </a:rPr>
            <a:t>減少</a:t>
          </a:r>
          <a:r>
            <a:rPr kumimoji="1" lang="ja-JP" altLang="ja-JP" sz="1050">
              <a:solidFill>
                <a:schemeClr val="dk1"/>
              </a:solidFill>
              <a:effectLst/>
              <a:latin typeface="+mn-lt"/>
              <a:ea typeface="+mn-ea"/>
              <a:cs typeface="+mn-cs"/>
            </a:rPr>
            <a:t>したことなどである。引き続き市税の伸縮に応じた弾力的な財政</a:t>
          </a:r>
          <a:r>
            <a:rPr kumimoji="1" lang="ja-JP" altLang="en-US" sz="1050">
              <a:solidFill>
                <a:schemeClr val="dk1"/>
              </a:solidFill>
              <a:effectLst/>
              <a:latin typeface="+mn-lt"/>
              <a:ea typeface="+mn-ea"/>
              <a:cs typeface="+mn-cs"/>
            </a:rPr>
            <a:t>理由と</a:t>
          </a:r>
          <a:r>
            <a:rPr kumimoji="1" lang="ja-JP" altLang="ja-JP" sz="1050">
              <a:solidFill>
                <a:schemeClr val="dk1"/>
              </a:solidFill>
              <a:effectLst/>
              <a:latin typeface="+mn-lt"/>
              <a:ea typeface="+mn-ea"/>
              <a:cs typeface="+mn-cs"/>
            </a:rPr>
            <a:t>運営に努めていきたい。</a:t>
          </a:r>
          <a:endParaRPr kumimoji="1" lang="ja-JP" altLang="en-US" sz="105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207478"/>
          <a:ext cx="0" cy="1380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5950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207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43745</xdr:rowOff>
    </xdr:from>
    <xdr:to>
      <xdr:col>23</xdr:col>
      <xdr:colOff>133350</xdr:colOff>
      <xdr:row>39</xdr:row>
      <xdr:rowOff>70555</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6730295"/>
          <a:ext cx="8382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21466</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68794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49389</xdr:rowOff>
    </xdr:from>
    <xdr:to>
      <xdr:col>23</xdr:col>
      <xdr:colOff>184150</xdr:colOff>
      <xdr:row>40</xdr:row>
      <xdr:rowOff>150989</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690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43745</xdr:rowOff>
    </xdr:from>
    <xdr:to>
      <xdr:col>19</xdr:col>
      <xdr:colOff>133350</xdr:colOff>
      <xdr:row>39</xdr:row>
      <xdr:rowOff>57150</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flipV="1">
          <a:off x="3225800" y="6730295"/>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62795</xdr:rowOff>
    </xdr:from>
    <xdr:to>
      <xdr:col>19</xdr:col>
      <xdr:colOff>184150</xdr:colOff>
      <xdr:row>40</xdr:row>
      <xdr:rowOff>16439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49172</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0071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57150</xdr:rowOff>
    </xdr:from>
    <xdr:to>
      <xdr:col>15</xdr:col>
      <xdr:colOff>82550</xdr:colOff>
      <xdr:row>39</xdr:row>
      <xdr:rowOff>57150</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743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89605</xdr:rowOff>
    </xdr:from>
    <xdr:to>
      <xdr:col>15</xdr:col>
      <xdr:colOff>133350</xdr:colOff>
      <xdr:row>41</xdr:row>
      <xdr:rowOff>19755</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4532</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57150</xdr:rowOff>
    </xdr:from>
    <xdr:to>
      <xdr:col>11</xdr:col>
      <xdr:colOff>31750</xdr:colOff>
      <xdr:row>39</xdr:row>
      <xdr:rowOff>57150</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6743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6257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9755</xdr:rowOff>
    </xdr:from>
    <xdr:to>
      <xdr:col>23</xdr:col>
      <xdr:colOff>184150</xdr:colOff>
      <xdr:row>39</xdr:row>
      <xdr:rowOff>121355</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36282</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551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164395</xdr:rowOff>
    </xdr:from>
    <xdr:to>
      <xdr:col>19</xdr:col>
      <xdr:colOff>184150</xdr:colOff>
      <xdr:row>39</xdr:row>
      <xdr:rowOff>9454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67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04722</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4483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6350</xdr:rowOff>
    </xdr:from>
    <xdr:to>
      <xdr:col>15</xdr:col>
      <xdr:colOff>133350</xdr:colOff>
      <xdr:row>39</xdr:row>
      <xdr:rowOff>1079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1812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6350</xdr:rowOff>
    </xdr:from>
    <xdr:to>
      <xdr:col>11</xdr:col>
      <xdr:colOff>82550</xdr:colOff>
      <xdr:row>39</xdr:row>
      <xdr:rowOff>10795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1812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6350</xdr:rowOff>
    </xdr:from>
    <xdr:to>
      <xdr:col>7</xdr:col>
      <xdr:colOff>31750</xdr:colOff>
      <xdr:row>39</xdr:row>
      <xdr:rowOff>107950</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18127</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solidFill>
                <a:schemeClr val="dk1"/>
              </a:solidFill>
              <a:effectLst/>
              <a:latin typeface="+mn-lt"/>
              <a:ea typeface="+mn-ea"/>
              <a:cs typeface="+mn-cs"/>
            </a:rPr>
            <a:t>　</a:t>
          </a:r>
          <a:r>
            <a:rPr lang="ja-JP" altLang="ja-JP" sz="1000">
              <a:solidFill>
                <a:schemeClr val="dk1"/>
              </a:solidFill>
              <a:effectLst/>
              <a:latin typeface="+mn-lt"/>
              <a:ea typeface="+mn-ea"/>
              <a:cs typeface="+mn-cs"/>
            </a:rPr>
            <a:t>令和３年度決算は、経常経費充当一般財源及び経常一般財源ともに増加した結果、前年度から</a:t>
          </a:r>
          <a:r>
            <a:rPr lang="en-US" altLang="ja-JP" sz="1000">
              <a:solidFill>
                <a:schemeClr val="dk1"/>
              </a:solidFill>
              <a:effectLst/>
              <a:latin typeface="+mn-lt"/>
              <a:ea typeface="+mn-ea"/>
              <a:cs typeface="+mn-cs"/>
            </a:rPr>
            <a:t>0.1</a:t>
          </a:r>
          <a:r>
            <a:rPr lang="ja-JP" altLang="ja-JP" sz="1000">
              <a:solidFill>
                <a:schemeClr val="dk1"/>
              </a:solidFill>
              <a:effectLst/>
              <a:latin typeface="+mn-lt"/>
              <a:ea typeface="+mn-ea"/>
              <a:cs typeface="+mn-cs"/>
            </a:rPr>
            <a:t>％増の</a:t>
          </a:r>
          <a:r>
            <a:rPr lang="en-US" altLang="ja-JP" sz="1000">
              <a:solidFill>
                <a:schemeClr val="dk1"/>
              </a:solidFill>
              <a:effectLst/>
              <a:latin typeface="+mn-lt"/>
              <a:ea typeface="+mn-ea"/>
              <a:cs typeface="+mn-cs"/>
            </a:rPr>
            <a:t>99.9</a:t>
          </a:r>
          <a:r>
            <a:rPr lang="ja-JP" altLang="ja-JP" sz="1000">
              <a:solidFill>
                <a:schemeClr val="dk1"/>
              </a:solidFill>
              <a:effectLst/>
              <a:latin typeface="+mn-lt"/>
              <a:ea typeface="+mn-ea"/>
              <a:cs typeface="+mn-cs"/>
            </a:rPr>
            <a:t>％となり、ほぼ横ばいの結果となった。</a:t>
          </a:r>
          <a:r>
            <a:rPr kumimoji="1" lang="ja-JP" altLang="ja-JP" sz="1000">
              <a:solidFill>
                <a:schemeClr val="dk1"/>
              </a:solidFill>
              <a:effectLst/>
              <a:latin typeface="+mn-lt"/>
              <a:ea typeface="+mn-ea"/>
              <a:cs typeface="+mn-cs"/>
            </a:rPr>
            <a:t>歳入における主な変動要因として、地方消費税交付金が約</a:t>
          </a:r>
          <a:r>
            <a:rPr kumimoji="1" lang="en-US" altLang="ja-JP" sz="1000">
              <a:solidFill>
                <a:schemeClr val="dk1"/>
              </a:solidFill>
              <a:effectLst/>
              <a:latin typeface="+mn-lt"/>
              <a:ea typeface="+mn-ea"/>
              <a:cs typeface="+mn-cs"/>
            </a:rPr>
            <a:t>3.2</a:t>
          </a:r>
          <a:r>
            <a:rPr kumimoji="1" lang="ja-JP" altLang="ja-JP" sz="1000">
              <a:solidFill>
                <a:schemeClr val="dk1"/>
              </a:solidFill>
              <a:effectLst/>
              <a:latin typeface="+mn-lt"/>
              <a:ea typeface="+mn-ea"/>
              <a:cs typeface="+mn-cs"/>
            </a:rPr>
            <a:t>億円対前年に比べ増加した。歳出における主な変動要因として、物件費が約</a:t>
          </a:r>
          <a:r>
            <a:rPr kumimoji="1" lang="en-US" altLang="ja-JP" sz="1000">
              <a:solidFill>
                <a:schemeClr val="dk1"/>
              </a:solidFill>
              <a:effectLst/>
              <a:latin typeface="+mn-lt"/>
              <a:ea typeface="+mn-ea"/>
              <a:cs typeface="+mn-cs"/>
            </a:rPr>
            <a:t>3.1</a:t>
          </a:r>
          <a:r>
            <a:rPr kumimoji="1" lang="ja-JP" altLang="ja-JP" sz="1000">
              <a:solidFill>
                <a:schemeClr val="dk1"/>
              </a:solidFill>
              <a:effectLst/>
              <a:latin typeface="+mn-lt"/>
              <a:ea typeface="+mn-ea"/>
              <a:cs typeface="+mn-cs"/>
            </a:rPr>
            <a:t>億円、扶助費が約</a:t>
          </a:r>
          <a:r>
            <a:rPr kumimoji="1" lang="en-US" altLang="ja-JP" sz="1000">
              <a:solidFill>
                <a:schemeClr val="dk1"/>
              </a:solidFill>
              <a:effectLst/>
              <a:latin typeface="+mn-lt"/>
              <a:ea typeface="+mn-ea"/>
              <a:cs typeface="+mn-cs"/>
            </a:rPr>
            <a:t>1.2</a:t>
          </a:r>
          <a:r>
            <a:rPr kumimoji="1" lang="ja-JP" altLang="ja-JP" sz="1000">
              <a:solidFill>
                <a:schemeClr val="dk1"/>
              </a:solidFill>
              <a:effectLst/>
              <a:latin typeface="+mn-lt"/>
              <a:ea typeface="+mn-ea"/>
              <a:cs typeface="+mn-cs"/>
            </a:rPr>
            <a:t>億円、</a:t>
          </a:r>
          <a:r>
            <a:rPr kumimoji="1" lang="ja-JP" altLang="en-US" sz="1000">
              <a:solidFill>
                <a:schemeClr val="dk1"/>
              </a:solidFill>
              <a:effectLst/>
              <a:latin typeface="+mn-lt"/>
              <a:ea typeface="+mn-ea"/>
              <a:cs typeface="+mn-cs"/>
            </a:rPr>
            <a:t>人件</a:t>
          </a:r>
          <a:r>
            <a:rPr kumimoji="1" lang="ja-JP" altLang="ja-JP" sz="1000">
              <a:solidFill>
                <a:schemeClr val="dk1"/>
              </a:solidFill>
              <a:effectLst/>
              <a:latin typeface="+mn-lt"/>
              <a:ea typeface="+mn-ea"/>
              <a:cs typeface="+mn-cs"/>
            </a:rPr>
            <a:t>費が約</a:t>
          </a:r>
          <a:r>
            <a:rPr kumimoji="1" lang="en-US" altLang="ja-JP" sz="1000">
              <a:solidFill>
                <a:schemeClr val="dk1"/>
              </a:solidFill>
              <a:effectLst/>
              <a:latin typeface="+mn-lt"/>
              <a:ea typeface="+mn-ea"/>
              <a:cs typeface="+mn-cs"/>
            </a:rPr>
            <a:t>6.6</a:t>
          </a:r>
          <a:r>
            <a:rPr kumimoji="1" lang="ja-JP" altLang="ja-JP" sz="1000">
              <a:solidFill>
                <a:schemeClr val="dk1"/>
              </a:solidFill>
              <a:effectLst/>
              <a:latin typeface="+mn-lt"/>
              <a:ea typeface="+mn-ea"/>
              <a:cs typeface="+mn-cs"/>
            </a:rPr>
            <a:t>億円対前年に比べ増加した。今後の人件費の傾向、扶助費などの動向によっては、経常収支比率の悪化の可能性があり、経常的経費に充当するための財政調整基金の多額の取り崩しが続</a:t>
          </a:r>
          <a:r>
            <a:rPr kumimoji="1" lang="ja-JP" altLang="en-US" sz="1000">
              <a:solidFill>
                <a:schemeClr val="dk1"/>
              </a:solidFill>
              <a:effectLst/>
              <a:latin typeface="+mn-lt"/>
              <a:ea typeface="+mn-ea"/>
              <a:cs typeface="+mn-cs"/>
            </a:rPr>
            <a:t>くことがないように、継続的に事務事業の見直しを行っていく</a:t>
          </a:r>
          <a:r>
            <a:rPr kumimoji="1" lang="ja-JP" altLang="ja-JP" sz="1000">
              <a:solidFill>
                <a:schemeClr val="dk1"/>
              </a:solidFill>
              <a:effectLst/>
              <a:latin typeface="+mn-lt"/>
              <a:ea typeface="+mn-ea"/>
              <a:cs typeface="+mn-cs"/>
            </a:rPr>
            <a:t>。</a:t>
          </a:r>
          <a:endParaRPr lang="ja-JP" altLang="ja-JP" sz="12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8590</xdr:rowOff>
    </xdr:from>
    <xdr:to>
      <xdr:col>23</xdr:col>
      <xdr:colOff>133350</xdr:colOff>
      <xdr:row>66</xdr:row>
      <xdr:rowOff>76518</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flipV="1">
          <a:off x="4953000" y="10264140"/>
          <a:ext cx="0" cy="112807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48595</xdr:rowOff>
    </xdr:from>
    <xdr:ext cx="762000" cy="259045"/>
    <xdr:sp macro="" textlink="">
      <xdr:nvSpPr>
        <xdr:cNvPr id="124" name="財政構造の弾力性最小値テキスト">
          <a:extLst>
            <a:ext uri="{FF2B5EF4-FFF2-40B4-BE49-F238E27FC236}">
              <a16:creationId xmlns:a16="http://schemas.microsoft.com/office/drawing/2014/main" id="{00000000-0008-0000-0300-00007C000000}"/>
            </a:ext>
          </a:extLst>
        </xdr:cNvPr>
        <xdr:cNvSpPr txBox="1"/>
      </xdr:nvSpPr>
      <xdr:spPr>
        <a:xfrm>
          <a:off x="5041900" y="113642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76518</xdr:rowOff>
    </xdr:from>
    <xdr:to>
      <xdr:col>24</xdr:col>
      <xdr:colOff>12700</xdr:colOff>
      <xdr:row>66</xdr:row>
      <xdr:rowOff>76518</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4864100" y="113922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63517</xdr:rowOff>
    </xdr:from>
    <xdr:ext cx="762000" cy="259045"/>
    <xdr:sp macro="" textlink="">
      <xdr:nvSpPr>
        <xdr:cNvPr id="126" name="財政構造の弾力性最大値テキスト">
          <a:extLst>
            <a:ext uri="{FF2B5EF4-FFF2-40B4-BE49-F238E27FC236}">
              <a16:creationId xmlns:a16="http://schemas.microsoft.com/office/drawing/2014/main" id="{00000000-0008-0000-0300-00007E000000}"/>
            </a:ext>
          </a:extLst>
        </xdr:cNvPr>
        <xdr:cNvSpPr txBox="1"/>
      </xdr:nvSpPr>
      <xdr:spPr>
        <a:xfrm>
          <a:off x="5041900" y="1000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8590</xdr:rowOff>
    </xdr:from>
    <xdr:to>
      <xdr:col>24</xdr:col>
      <xdr:colOff>12700</xdr:colOff>
      <xdr:row>59</xdr:row>
      <xdr:rowOff>148590</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026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6</xdr:row>
      <xdr:rowOff>70485</xdr:rowOff>
    </xdr:from>
    <xdr:to>
      <xdr:col>23</xdr:col>
      <xdr:colOff>133350</xdr:colOff>
      <xdr:row>66</xdr:row>
      <xdr:rowOff>76518</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114800" y="11386185"/>
          <a:ext cx="838200" cy="6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94632</xdr:rowOff>
    </xdr:from>
    <xdr:ext cx="762000" cy="259045"/>
    <xdr:sp macro="" textlink="">
      <xdr:nvSpPr>
        <xdr:cNvPr id="129" name="財政構造の弾力性平均値テキスト">
          <a:extLst>
            <a:ext uri="{FF2B5EF4-FFF2-40B4-BE49-F238E27FC236}">
              <a16:creationId xmlns:a16="http://schemas.microsoft.com/office/drawing/2014/main" id="{00000000-0008-0000-0300-000081000000}"/>
            </a:ext>
          </a:extLst>
        </xdr:cNvPr>
        <xdr:cNvSpPr txBox="1"/>
      </xdr:nvSpPr>
      <xdr:spPr>
        <a:xfrm>
          <a:off x="5041900" y="105530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78105</xdr:rowOff>
    </xdr:from>
    <xdr:to>
      <xdr:col>23</xdr:col>
      <xdr:colOff>184150</xdr:colOff>
      <xdr:row>63</xdr:row>
      <xdr:rowOff>8255</xdr:rowOff>
    </xdr:to>
    <xdr:sp macro="" textlink="">
      <xdr:nvSpPr>
        <xdr:cNvPr id="130" name="フローチャート: 判断 129">
          <a:extLst>
            <a:ext uri="{FF2B5EF4-FFF2-40B4-BE49-F238E27FC236}">
              <a16:creationId xmlns:a16="http://schemas.microsoft.com/office/drawing/2014/main" id="{00000000-0008-0000-0300-000082000000}"/>
            </a:ext>
          </a:extLst>
        </xdr:cNvPr>
        <xdr:cNvSpPr/>
      </xdr:nvSpPr>
      <xdr:spPr>
        <a:xfrm>
          <a:off x="4902200" y="10708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70485</xdr:rowOff>
    </xdr:from>
    <xdr:to>
      <xdr:col>19</xdr:col>
      <xdr:colOff>133350</xdr:colOff>
      <xdr:row>66</xdr:row>
      <xdr:rowOff>154940</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3225800" y="11386185"/>
          <a:ext cx="889000" cy="8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41922</xdr:rowOff>
    </xdr:from>
    <xdr:to>
      <xdr:col>19</xdr:col>
      <xdr:colOff>184150</xdr:colOff>
      <xdr:row>64</xdr:row>
      <xdr:rowOff>72072</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064000" y="1094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82249</xdr:rowOff>
    </xdr:from>
    <xdr:ext cx="736600" cy="259045"/>
    <xdr:sp macro="" textlink="">
      <xdr:nvSpPr>
        <xdr:cNvPr id="133" name="テキスト ボックス 132">
          <a:extLst>
            <a:ext uri="{FF2B5EF4-FFF2-40B4-BE49-F238E27FC236}">
              <a16:creationId xmlns:a16="http://schemas.microsoft.com/office/drawing/2014/main" id="{00000000-0008-0000-0300-000085000000}"/>
            </a:ext>
          </a:extLst>
        </xdr:cNvPr>
        <xdr:cNvSpPr txBox="1"/>
      </xdr:nvSpPr>
      <xdr:spPr>
        <a:xfrm>
          <a:off x="3733800" y="107121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64453</xdr:rowOff>
    </xdr:from>
    <xdr:to>
      <xdr:col>15</xdr:col>
      <xdr:colOff>82550</xdr:colOff>
      <xdr:row>66</xdr:row>
      <xdr:rowOff>15494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2336800" y="11380153"/>
          <a:ext cx="889000" cy="90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0797</xdr:rowOff>
    </xdr:from>
    <xdr:to>
      <xdr:col>15</xdr:col>
      <xdr:colOff>133350</xdr:colOff>
      <xdr:row>64</xdr:row>
      <xdr:rowOff>132397</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3175000" y="11003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2574</xdr:rowOff>
    </xdr:from>
    <xdr:ext cx="7620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2844800" y="107724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21285</xdr:rowOff>
    </xdr:from>
    <xdr:to>
      <xdr:col>11</xdr:col>
      <xdr:colOff>31750</xdr:colOff>
      <xdr:row>66</xdr:row>
      <xdr:rowOff>64453</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1447800" y="11265535"/>
          <a:ext cx="889000" cy="114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53988</xdr:rowOff>
    </xdr:from>
    <xdr:to>
      <xdr:col>11</xdr:col>
      <xdr:colOff>82550</xdr:colOff>
      <xdr:row>64</xdr:row>
      <xdr:rowOff>84138</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2286000" y="10955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94315</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1955800" y="10724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99695</xdr:rowOff>
    </xdr:from>
    <xdr:to>
      <xdr:col>7</xdr:col>
      <xdr:colOff>31750</xdr:colOff>
      <xdr:row>64</xdr:row>
      <xdr:rowOff>29845</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1397000" y="10901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0022</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066800" y="10669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25718</xdr:rowOff>
    </xdr:from>
    <xdr:to>
      <xdr:col>23</xdr:col>
      <xdr:colOff>184150</xdr:colOff>
      <xdr:row>66</xdr:row>
      <xdr:rowOff>127318</xdr:rowOff>
    </xdr:to>
    <xdr:sp macro="" textlink="">
      <xdr:nvSpPr>
        <xdr:cNvPr id="147" name="楕円 146">
          <a:extLst>
            <a:ext uri="{FF2B5EF4-FFF2-40B4-BE49-F238E27FC236}">
              <a16:creationId xmlns:a16="http://schemas.microsoft.com/office/drawing/2014/main" id="{00000000-0008-0000-0300-000093000000}"/>
            </a:ext>
          </a:extLst>
        </xdr:cNvPr>
        <xdr:cNvSpPr/>
      </xdr:nvSpPr>
      <xdr:spPr>
        <a:xfrm>
          <a:off x="4902200" y="11341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93045</xdr:rowOff>
    </xdr:from>
    <xdr:ext cx="762000" cy="259045"/>
    <xdr:sp macro="" textlink="">
      <xdr:nvSpPr>
        <xdr:cNvPr id="148" name="財政構造の弾力性該当値テキスト">
          <a:extLst>
            <a:ext uri="{FF2B5EF4-FFF2-40B4-BE49-F238E27FC236}">
              <a16:creationId xmlns:a16="http://schemas.microsoft.com/office/drawing/2014/main" id="{00000000-0008-0000-0300-000094000000}"/>
            </a:ext>
          </a:extLst>
        </xdr:cNvPr>
        <xdr:cNvSpPr txBox="1"/>
      </xdr:nvSpPr>
      <xdr:spPr>
        <a:xfrm>
          <a:off x="5041900" y="112372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19685</xdr:rowOff>
    </xdr:from>
    <xdr:to>
      <xdr:col>19</xdr:col>
      <xdr:colOff>184150</xdr:colOff>
      <xdr:row>66</xdr:row>
      <xdr:rowOff>121285</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064000" y="11335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06062</xdr:rowOff>
    </xdr:from>
    <xdr:ext cx="7366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733800" y="11421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04140</xdr:rowOff>
    </xdr:from>
    <xdr:to>
      <xdr:col>15</xdr:col>
      <xdr:colOff>133350</xdr:colOff>
      <xdr:row>67</xdr:row>
      <xdr:rowOff>34290</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3175000" y="1141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1906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2844800" y="1150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3653</xdr:rowOff>
    </xdr:from>
    <xdr:to>
      <xdr:col>11</xdr:col>
      <xdr:colOff>82550</xdr:colOff>
      <xdr:row>66</xdr:row>
      <xdr:rowOff>115253</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2286000" y="11329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00030</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1955800" y="11415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70485</xdr:rowOff>
    </xdr:from>
    <xdr:to>
      <xdr:col>7</xdr:col>
      <xdr:colOff>31750</xdr:colOff>
      <xdr:row>66</xdr:row>
      <xdr:rowOff>635</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1397000" y="1121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56862</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066800" y="113011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3,8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mn-lt"/>
              <a:ea typeface="+mn-ea"/>
              <a:cs typeface="+mn-cs"/>
            </a:rPr>
            <a:t>　</a:t>
          </a:r>
          <a:r>
            <a:rPr kumimoji="1" lang="ja-JP" altLang="ja-JP" sz="1000">
              <a:solidFill>
                <a:schemeClr val="dk1"/>
              </a:solidFill>
              <a:effectLst/>
              <a:latin typeface="+mn-lt"/>
              <a:ea typeface="+mn-ea"/>
              <a:cs typeface="+mn-cs"/>
            </a:rPr>
            <a:t>前年度と比較し、物件費は約</a:t>
          </a:r>
          <a:r>
            <a:rPr kumimoji="1" lang="en-US" altLang="ja-JP" sz="1000">
              <a:solidFill>
                <a:schemeClr val="dk1"/>
              </a:solidFill>
              <a:effectLst/>
              <a:latin typeface="+mn-lt"/>
              <a:ea typeface="+mn-ea"/>
              <a:cs typeface="+mn-cs"/>
            </a:rPr>
            <a:t>2.3</a:t>
          </a:r>
          <a:r>
            <a:rPr kumimoji="1" lang="ja-JP" altLang="ja-JP" sz="1000">
              <a:solidFill>
                <a:schemeClr val="dk1"/>
              </a:solidFill>
              <a:effectLst/>
              <a:latin typeface="+mn-lt"/>
              <a:ea typeface="+mn-ea"/>
              <a:cs typeface="+mn-cs"/>
            </a:rPr>
            <a:t>億円増加し、人件費は約</a:t>
          </a:r>
          <a:r>
            <a:rPr kumimoji="1" lang="en-US" altLang="ja-JP" sz="1000">
              <a:solidFill>
                <a:schemeClr val="dk1"/>
              </a:solidFill>
              <a:effectLst/>
              <a:latin typeface="+mn-lt"/>
              <a:ea typeface="+mn-ea"/>
              <a:cs typeface="+mn-cs"/>
            </a:rPr>
            <a:t>5</a:t>
          </a:r>
          <a:r>
            <a:rPr kumimoji="1" lang="ja-JP" altLang="ja-JP" sz="1000">
              <a:solidFill>
                <a:schemeClr val="dk1"/>
              </a:solidFill>
              <a:effectLst/>
              <a:latin typeface="+mn-lt"/>
              <a:ea typeface="+mn-ea"/>
              <a:cs typeface="+mn-cs"/>
            </a:rPr>
            <a:t>億円増加した。物件費</a:t>
          </a:r>
          <a:r>
            <a:rPr kumimoji="1" lang="ja-JP" altLang="en-US" sz="1000">
              <a:solidFill>
                <a:schemeClr val="dk1"/>
              </a:solidFill>
              <a:effectLst/>
              <a:latin typeface="+mn-lt"/>
              <a:ea typeface="+mn-ea"/>
              <a:cs typeface="+mn-cs"/>
            </a:rPr>
            <a:t>の</a:t>
          </a:r>
          <a:r>
            <a:rPr kumimoji="1" lang="ja-JP" altLang="ja-JP" sz="1000">
              <a:solidFill>
                <a:schemeClr val="dk1"/>
              </a:solidFill>
              <a:effectLst/>
              <a:latin typeface="+mn-lt"/>
              <a:ea typeface="+mn-ea"/>
              <a:cs typeface="+mn-cs"/>
            </a:rPr>
            <a:t>主な増要因は委託料であり、前年度と比較し、予防接種業務約</a:t>
          </a:r>
          <a:r>
            <a:rPr kumimoji="1" lang="en-US" altLang="ja-JP" sz="1000">
              <a:solidFill>
                <a:schemeClr val="dk1"/>
              </a:solidFill>
              <a:effectLst/>
              <a:latin typeface="+mn-lt"/>
              <a:ea typeface="+mn-ea"/>
              <a:cs typeface="+mn-cs"/>
            </a:rPr>
            <a:t>13.3</a:t>
          </a:r>
          <a:r>
            <a:rPr kumimoji="1" lang="ja-JP" altLang="ja-JP" sz="1000">
              <a:solidFill>
                <a:schemeClr val="dk1"/>
              </a:solidFill>
              <a:effectLst/>
              <a:latin typeface="+mn-lt"/>
              <a:ea typeface="+mn-ea"/>
              <a:cs typeface="+mn-cs"/>
            </a:rPr>
            <a:t>億円及びふるさと寄附金運用代行業務約</a:t>
          </a:r>
          <a:r>
            <a:rPr kumimoji="1" lang="en-US" altLang="ja-JP" sz="1000">
              <a:solidFill>
                <a:schemeClr val="dk1"/>
              </a:solidFill>
              <a:effectLst/>
              <a:latin typeface="+mn-lt"/>
              <a:ea typeface="+mn-ea"/>
              <a:cs typeface="+mn-cs"/>
            </a:rPr>
            <a:t>2.7</a:t>
          </a:r>
          <a:r>
            <a:rPr kumimoji="1" lang="ja-JP" altLang="ja-JP" sz="1000">
              <a:solidFill>
                <a:schemeClr val="dk1"/>
              </a:solidFill>
              <a:effectLst/>
              <a:latin typeface="+mn-lt"/>
              <a:ea typeface="+mn-ea"/>
              <a:cs typeface="+mn-cs"/>
            </a:rPr>
            <a:t>億円などが増加した</a:t>
          </a:r>
          <a:r>
            <a:rPr kumimoji="1" lang="ja-JP" altLang="en-US" sz="1000">
              <a:solidFill>
                <a:schemeClr val="dk1"/>
              </a:solidFill>
              <a:effectLst/>
              <a:latin typeface="+mn-lt"/>
              <a:ea typeface="+mn-ea"/>
              <a:cs typeface="+mn-cs"/>
            </a:rPr>
            <a:t>。</a:t>
          </a:r>
          <a:r>
            <a:rPr kumimoji="1" lang="ja-JP" altLang="ja-JP" sz="1000">
              <a:solidFill>
                <a:schemeClr val="dk1"/>
              </a:solidFill>
              <a:effectLst/>
              <a:latin typeface="+mn-lt"/>
              <a:ea typeface="+mn-ea"/>
              <a:cs typeface="+mn-cs"/>
            </a:rPr>
            <a:t>本市では職員数が多いことで、他の類似団体よりも人件費が高くなっている。起伏に富んだ地形的特性により消防署所が多いことなどから、類似団体並みまで押し下げることは困難であるが、財政の硬直化を避けるため、民間委託の推進等によりコスト削減を引き続き目指していく。</a:t>
          </a:r>
          <a:endParaRPr lang="ja-JP" altLang="ja-JP" sz="1200">
            <a:effectLst/>
          </a:endParaRP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7856</xdr:rowOff>
    </xdr:from>
    <xdr:to>
      <xdr:col>23</xdr:col>
      <xdr:colOff>133350</xdr:colOff>
      <xdr:row>88</xdr:row>
      <xdr:rowOff>106521</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953000" y="13783856"/>
          <a:ext cx="0" cy="14102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78598</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5041900" y="15166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06521</xdr:rowOff>
    </xdr:from>
    <xdr:to>
      <xdr:col>24</xdr:col>
      <xdr:colOff>12700</xdr:colOff>
      <xdr:row>88</xdr:row>
      <xdr:rowOff>106521</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51941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4233</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5041900" y="13527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7856</xdr:rowOff>
    </xdr:from>
    <xdr:to>
      <xdr:col>24</xdr:col>
      <xdr:colOff>12700</xdr:colOff>
      <xdr:row>80</xdr:row>
      <xdr:rowOff>67856</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378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10613</xdr:rowOff>
    </xdr:from>
    <xdr:to>
      <xdr:col>23</xdr:col>
      <xdr:colOff>133350</xdr:colOff>
      <xdr:row>84</xdr:row>
      <xdr:rowOff>120796</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114800" y="14340963"/>
          <a:ext cx="838200" cy="18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42600</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5041900" y="1410150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26073</xdr:rowOff>
    </xdr:from>
    <xdr:to>
      <xdr:col>23</xdr:col>
      <xdr:colOff>184150</xdr:colOff>
      <xdr:row>83</xdr:row>
      <xdr:rowOff>127673</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902200" y="1425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67783</xdr:rowOff>
    </xdr:from>
    <xdr:to>
      <xdr:col>19</xdr:col>
      <xdr:colOff>133350</xdr:colOff>
      <xdr:row>83</xdr:row>
      <xdr:rowOff>110613</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3225800" y="14298133"/>
          <a:ext cx="889000" cy="42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68669</xdr:rowOff>
    </xdr:from>
    <xdr:to>
      <xdr:col>19</xdr:col>
      <xdr:colOff>184150</xdr:colOff>
      <xdr:row>82</xdr:row>
      <xdr:rowOff>17026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0640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8996</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733800" y="138964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52045</xdr:rowOff>
    </xdr:from>
    <xdr:to>
      <xdr:col>15</xdr:col>
      <xdr:colOff>82550</xdr:colOff>
      <xdr:row>83</xdr:row>
      <xdr:rowOff>67783</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336800" y="14282395"/>
          <a:ext cx="889000" cy="15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6265</xdr:rowOff>
    </xdr:from>
    <xdr:to>
      <xdr:col>15</xdr:col>
      <xdr:colOff>133350</xdr:colOff>
      <xdr:row>82</xdr:row>
      <xdr:rowOff>56415</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3175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6592</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844800" y="13782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5529</xdr:rowOff>
    </xdr:from>
    <xdr:to>
      <xdr:col>11</xdr:col>
      <xdr:colOff>31750</xdr:colOff>
      <xdr:row>83</xdr:row>
      <xdr:rowOff>52045</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447800" y="14245879"/>
          <a:ext cx="889000" cy="36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1221</xdr:rowOff>
    </xdr:from>
    <xdr:to>
      <xdr:col>11</xdr:col>
      <xdr:colOff>82550</xdr:colOff>
      <xdr:row>82</xdr:row>
      <xdr:rowOff>11371</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286000" y="1396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21548</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955800" y="1373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55825</xdr:rowOff>
    </xdr:from>
    <xdr:to>
      <xdr:col>7</xdr:col>
      <xdr:colOff>31750</xdr:colOff>
      <xdr:row>82</xdr:row>
      <xdr:rowOff>85975</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397000" y="14043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96152</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066800" y="13812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69996</xdr:rowOff>
    </xdr:from>
    <xdr:to>
      <xdr:col>23</xdr:col>
      <xdr:colOff>184150</xdr:colOff>
      <xdr:row>85</xdr:row>
      <xdr:rowOff>146</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902200" y="14471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42073</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5041900" y="14443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59813</xdr:rowOff>
    </xdr:from>
    <xdr:to>
      <xdr:col>19</xdr:col>
      <xdr:colOff>184150</xdr:colOff>
      <xdr:row>83</xdr:row>
      <xdr:rowOff>161413</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064000" y="14290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46190</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733800" y="143765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6983</xdr:rowOff>
    </xdr:from>
    <xdr:to>
      <xdr:col>15</xdr:col>
      <xdr:colOff>133350</xdr:colOff>
      <xdr:row>83</xdr:row>
      <xdr:rowOff>118583</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3175000" y="14247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03360</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844800" y="14333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1245</xdr:rowOff>
    </xdr:from>
    <xdr:to>
      <xdr:col>11</xdr:col>
      <xdr:colOff>82550</xdr:colOff>
      <xdr:row>83</xdr:row>
      <xdr:rowOff>102845</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286000" y="14231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87622</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955800" y="14317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36179</xdr:rowOff>
    </xdr:from>
    <xdr:to>
      <xdr:col>7</xdr:col>
      <xdr:colOff>31750</xdr:colOff>
      <xdr:row>83</xdr:row>
      <xdr:rowOff>66329</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397000" y="14195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1106</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066800" y="14281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９月で本市において実施した平均</a:t>
          </a:r>
          <a:r>
            <a:rPr kumimoji="1" lang="en-US" altLang="ja-JP" sz="1100">
              <a:solidFill>
                <a:schemeClr val="dk1"/>
              </a:solidFill>
              <a:effectLst/>
              <a:latin typeface="+mn-lt"/>
              <a:ea typeface="+mn-ea"/>
              <a:cs typeface="+mn-cs"/>
            </a:rPr>
            <a:t>7.7</a:t>
          </a:r>
          <a:r>
            <a:rPr kumimoji="1" lang="ja-JP" altLang="ja-JP" sz="1100">
              <a:solidFill>
                <a:schemeClr val="dk1"/>
              </a:solidFill>
              <a:effectLst/>
              <a:latin typeface="+mn-lt"/>
              <a:ea typeface="+mn-ea"/>
              <a:cs typeface="+mn-cs"/>
            </a:rPr>
            <a:t>％の給与の暫定削減措置が終了した一方、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月に総合的な人事・給与制度の見直しを行ったことから、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は</a:t>
          </a:r>
          <a:r>
            <a:rPr kumimoji="1" lang="en-US" altLang="ja-JP" sz="1100">
              <a:solidFill>
                <a:schemeClr val="dk1"/>
              </a:solidFill>
              <a:effectLst/>
              <a:latin typeface="+mn-lt"/>
              <a:ea typeface="+mn-ea"/>
              <a:cs typeface="+mn-cs"/>
            </a:rPr>
            <a:t>100.4</a:t>
          </a:r>
          <a:r>
            <a:rPr kumimoji="1" lang="ja-JP" altLang="ja-JP" sz="1100">
              <a:solidFill>
                <a:schemeClr val="dk1"/>
              </a:solidFill>
              <a:effectLst/>
              <a:latin typeface="+mn-lt"/>
              <a:ea typeface="+mn-ea"/>
              <a:cs typeface="+mn-cs"/>
            </a:rPr>
            <a:t>となった。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は職員の新陳代謝により、前年からマイナス</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の</a:t>
          </a:r>
          <a:r>
            <a:rPr kumimoji="1" lang="en-US" altLang="ja-JP" sz="1100">
              <a:solidFill>
                <a:schemeClr val="dk1"/>
              </a:solidFill>
              <a:effectLst/>
              <a:latin typeface="+mn-lt"/>
              <a:ea typeface="+mn-ea"/>
              <a:cs typeface="+mn-cs"/>
            </a:rPr>
            <a:t>100.0</a:t>
          </a:r>
          <a:r>
            <a:rPr kumimoji="1" lang="ja-JP" altLang="ja-JP" sz="1100">
              <a:solidFill>
                <a:schemeClr val="dk1"/>
              </a:solidFill>
              <a:effectLst/>
              <a:latin typeface="+mn-lt"/>
              <a:ea typeface="+mn-ea"/>
              <a:cs typeface="+mn-cs"/>
            </a:rPr>
            <a:t>となっている。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以降は安定した水準を保っており、今後も引き続き適正な水準の維持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8</xdr:row>
      <xdr:rowOff>12065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7018000" y="13981641"/>
          <a:ext cx="0" cy="12266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92727</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7106900" y="1518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20650</xdr:rowOff>
    </xdr:from>
    <xdr:to>
      <xdr:col>81</xdr:col>
      <xdr:colOff>133350</xdr:colOff>
      <xdr:row>88</xdr:row>
      <xdr:rowOff>12065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6929100" y="1520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7106900" y="1372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3981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42334</xdr:rowOff>
    </xdr:from>
    <xdr:to>
      <xdr:col>81</xdr:col>
      <xdr:colOff>44450</xdr:colOff>
      <xdr:row>84</xdr:row>
      <xdr:rowOff>42334</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6179800" y="1444413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04368</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7106900" y="14506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42334</xdr:rowOff>
    </xdr:from>
    <xdr:to>
      <xdr:col>77</xdr:col>
      <xdr:colOff>44450</xdr:colOff>
      <xdr:row>84</xdr:row>
      <xdr:rowOff>142875</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5290800" y="14444134"/>
          <a:ext cx="8890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5798800" y="146204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42875</xdr:rowOff>
    </xdr:from>
    <xdr:to>
      <xdr:col>72</xdr:col>
      <xdr:colOff>203200</xdr:colOff>
      <xdr:row>85</xdr:row>
      <xdr:rowOff>31750</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flipV="1">
          <a:off x="14401800" y="1454467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240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4909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1641</xdr:rowOff>
    </xdr:from>
    <xdr:to>
      <xdr:col>68</xdr:col>
      <xdr:colOff>152400</xdr:colOff>
      <xdr:row>85</xdr:row>
      <xdr:rowOff>31750</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3512800" y="14584891"/>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7436</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020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462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67868</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131800" y="14741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62984</xdr:rowOff>
    </xdr:from>
    <xdr:to>
      <xdr:col>81</xdr:col>
      <xdr:colOff>95250</xdr:colOff>
      <xdr:row>84</xdr:row>
      <xdr:rowOff>93134</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6967200" y="14393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8061</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7106900" y="14238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62984</xdr:rowOff>
    </xdr:from>
    <xdr:to>
      <xdr:col>77</xdr:col>
      <xdr:colOff>95250</xdr:colOff>
      <xdr:row>84</xdr:row>
      <xdr:rowOff>93134</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129000" y="14393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03311</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798800" y="141622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92075</xdr:rowOff>
    </xdr:from>
    <xdr:to>
      <xdr:col>73</xdr:col>
      <xdr:colOff>44450</xdr:colOff>
      <xdr:row>85</xdr:row>
      <xdr:rowOff>22225</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5240000" y="1449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32402</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909800" y="14262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52400</xdr:rowOff>
    </xdr:from>
    <xdr:to>
      <xdr:col>68</xdr:col>
      <xdr:colOff>203200</xdr:colOff>
      <xdr:row>85</xdr:row>
      <xdr:rowOff>8255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4351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9272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020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32291</xdr:rowOff>
    </xdr:from>
    <xdr:to>
      <xdr:col>64</xdr:col>
      <xdr:colOff>152400</xdr:colOff>
      <xdr:row>85</xdr:row>
      <xdr:rowOff>62441</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3462000" y="14534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72618</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131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口</a:t>
          </a:r>
          <a:r>
            <a:rPr kumimoji="1" lang="en-US" altLang="ja-JP" sz="1100">
              <a:solidFill>
                <a:schemeClr val="dk1"/>
              </a:solidFill>
              <a:effectLst/>
              <a:latin typeface="+mn-lt"/>
              <a:ea typeface="+mn-ea"/>
              <a:cs typeface="+mn-cs"/>
            </a:rPr>
            <a:t>1,000</a:t>
          </a:r>
          <a:r>
            <a:rPr kumimoji="1" lang="ja-JP" altLang="ja-JP" sz="1100">
              <a:solidFill>
                <a:schemeClr val="dk1"/>
              </a:solidFill>
              <a:effectLst/>
              <a:latin typeface="+mn-lt"/>
              <a:ea typeface="+mn-ea"/>
              <a:cs typeface="+mn-cs"/>
            </a:rPr>
            <a:t>人当たりに対する職員数が類似団体内平均値と比較して多い要因としては市全体が複雑な地形であるため、消防署の数が多いことやごみ収集の委託化が途上にあることなどが挙げられる。職員の数については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２月に第４次職員数適性化計画を策定し、民間事業者への業務委託や、業務の担い手、事務事業、事務制度の見直し、職員の多能工化により令和７年度までに職員の数</a:t>
          </a:r>
          <a:r>
            <a:rPr kumimoji="1" lang="en-US" altLang="ja-JP" sz="1100">
              <a:solidFill>
                <a:schemeClr val="dk1"/>
              </a:solidFill>
              <a:effectLst/>
              <a:latin typeface="+mn-lt"/>
              <a:ea typeface="+mn-ea"/>
              <a:cs typeface="+mn-cs"/>
            </a:rPr>
            <a:t>109</a:t>
          </a:r>
          <a:r>
            <a:rPr kumimoji="1" lang="ja-JP" altLang="ja-JP" sz="1100">
              <a:solidFill>
                <a:schemeClr val="dk1"/>
              </a:solidFill>
              <a:effectLst/>
              <a:latin typeface="+mn-lt"/>
              <a:ea typeface="+mn-ea"/>
              <a:cs typeface="+mn-cs"/>
            </a:rPr>
            <a:t>人を減らすことを目標としてい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7257</xdr:rowOff>
    </xdr:from>
    <xdr:to>
      <xdr:col>81</xdr:col>
      <xdr:colOff>44450</xdr:colOff>
      <xdr:row>67</xdr:row>
      <xdr:rowOff>8001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flipV="1">
          <a:off x="17018000" y="10122807"/>
          <a:ext cx="0" cy="14443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52087</xdr:rowOff>
    </xdr:from>
    <xdr:ext cx="762000" cy="259045"/>
    <xdr:sp macro="" textlink="">
      <xdr:nvSpPr>
        <xdr:cNvPr id="314" name="定員管理の状況最小値テキスト">
          <a:extLst>
            <a:ext uri="{FF2B5EF4-FFF2-40B4-BE49-F238E27FC236}">
              <a16:creationId xmlns:a16="http://schemas.microsoft.com/office/drawing/2014/main" id="{00000000-0008-0000-0300-00003A010000}"/>
            </a:ext>
          </a:extLst>
        </xdr:cNvPr>
        <xdr:cNvSpPr txBox="1"/>
      </xdr:nvSpPr>
      <xdr:spPr>
        <a:xfrm>
          <a:off x="17106900" y="1153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80010</xdr:rowOff>
    </xdr:from>
    <xdr:to>
      <xdr:col>81</xdr:col>
      <xdr:colOff>133350</xdr:colOff>
      <xdr:row>67</xdr:row>
      <xdr:rowOff>80010</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1156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3634</xdr:rowOff>
    </xdr:from>
    <xdr:ext cx="762000" cy="259045"/>
    <xdr:sp macro="" textlink="">
      <xdr:nvSpPr>
        <xdr:cNvPr id="316" name="定員管理の状況最大値テキスト">
          <a:extLst>
            <a:ext uri="{FF2B5EF4-FFF2-40B4-BE49-F238E27FC236}">
              <a16:creationId xmlns:a16="http://schemas.microsoft.com/office/drawing/2014/main" id="{00000000-0008-0000-0300-00003C010000}"/>
            </a:ext>
          </a:extLst>
        </xdr:cNvPr>
        <xdr:cNvSpPr txBox="1"/>
      </xdr:nvSpPr>
      <xdr:spPr>
        <a:xfrm>
          <a:off x="17106900" y="986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7257</xdr:rowOff>
    </xdr:from>
    <xdr:to>
      <xdr:col>81</xdr:col>
      <xdr:colOff>133350</xdr:colOff>
      <xdr:row>59</xdr:row>
      <xdr:rowOff>7257</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012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35923</xdr:rowOff>
    </xdr:from>
    <xdr:to>
      <xdr:col>81</xdr:col>
      <xdr:colOff>44450</xdr:colOff>
      <xdr:row>64</xdr:row>
      <xdr:rowOff>35923</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179800" y="1100872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40261</xdr:rowOff>
    </xdr:from>
    <xdr:ext cx="762000" cy="259045"/>
    <xdr:sp macro="" textlink="">
      <xdr:nvSpPr>
        <xdr:cNvPr id="319" name="定員管理の状況平均値テキスト">
          <a:extLst>
            <a:ext uri="{FF2B5EF4-FFF2-40B4-BE49-F238E27FC236}">
              <a16:creationId xmlns:a16="http://schemas.microsoft.com/office/drawing/2014/main" id="{00000000-0008-0000-0300-00003F010000}"/>
            </a:ext>
          </a:extLst>
        </xdr:cNvPr>
        <xdr:cNvSpPr txBox="1"/>
      </xdr:nvSpPr>
      <xdr:spPr>
        <a:xfrm>
          <a:off x="17106900" y="104272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3734</xdr:rowOff>
    </xdr:from>
    <xdr:to>
      <xdr:col>81</xdr:col>
      <xdr:colOff>95250</xdr:colOff>
      <xdr:row>62</xdr:row>
      <xdr:rowOff>53884</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967200" y="1058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35923</xdr:rowOff>
    </xdr:from>
    <xdr:to>
      <xdr:col>77</xdr:col>
      <xdr:colOff>44450</xdr:colOff>
      <xdr:row>64</xdr:row>
      <xdr:rowOff>39370</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5290800" y="11008723"/>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7181</xdr:rowOff>
    </xdr:from>
    <xdr:to>
      <xdr:col>77</xdr:col>
      <xdr:colOff>95250</xdr:colOff>
      <xdr:row>62</xdr:row>
      <xdr:rowOff>57331</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129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7508</xdr:rowOff>
    </xdr:from>
    <xdr:ext cx="736600" cy="259045"/>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5798800" y="10354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25581</xdr:rowOff>
    </xdr:from>
    <xdr:to>
      <xdr:col>72</xdr:col>
      <xdr:colOff>203200</xdr:colOff>
      <xdr:row>64</xdr:row>
      <xdr:rowOff>39370</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4401800" y="10998381"/>
          <a:ext cx="8890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0628</xdr:rowOff>
    </xdr:from>
    <xdr:to>
      <xdr:col>73</xdr:col>
      <xdr:colOff>44450</xdr:colOff>
      <xdr:row>62</xdr:row>
      <xdr:rowOff>60778</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5240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0955</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4909800" y="1035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4</xdr:row>
      <xdr:rowOff>25581</xdr:rowOff>
    </xdr:from>
    <xdr:to>
      <xdr:col>68</xdr:col>
      <xdr:colOff>152400</xdr:colOff>
      <xdr:row>64</xdr:row>
      <xdr:rowOff>66947</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flipV="1">
          <a:off x="13512800" y="10998381"/>
          <a:ext cx="889000" cy="41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20287</xdr:rowOff>
    </xdr:from>
    <xdr:to>
      <xdr:col>68</xdr:col>
      <xdr:colOff>203200</xdr:colOff>
      <xdr:row>62</xdr:row>
      <xdr:rowOff>50437</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4351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60614</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020800" y="10347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7523</xdr:rowOff>
    </xdr:from>
    <xdr:to>
      <xdr:col>64</xdr:col>
      <xdr:colOff>152400</xdr:colOff>
      <xdr:row>62</xdr:row>
      <xdr:rowOff>67673</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3462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77850</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131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156573</xdr:rowOff>
    </xdr:from>
    <xdr:to>
      <xdr:col>81</xdr:col>
      <xdr:colOff>95250</xdr:colOff>
      <xdr:row>64</xdr:row>
      <xdr:rowOff>86723</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967200" y="109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128650</xdr:rowOff>
    </xdr:from>
    <xdr:ext cx="762000" cy="259045"/>
    <xdr:sp macro="" textlink="">
      <xdr:nvSpPr>
        <xdr:cNvPr id="338" name="定員管理の状況該当値テキスト">
          <a:extLst>
            <a:ext uri="{FF2B5EF4-FFF2-40B4-BE49-F238E27FC236}">
              <a16:creationId xmlns:a16="http://schemas.microsoft.com/office/drawing/2014/main" id="{00000000-0008-0000-0300-000052010000}"/>
            </a:ext>
          </a:extLst>
        </xdr:cNvPr>
        <xdr:cNvSpPr txBox="1"/>
      </xdr:nvSpPr>
      <xdr:spPr>
        <a:xfrm>
          <a:off x="17106900" y="10930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156573</xdr:rowOff>
    </xdr:from>
    <xdr:to>
      <xdr:col>77</xdr:col>
      <xdr:colOff>95250</xdr:colOff>
      <xdr:row>64</xdr:row>
      <xdr:rowOff>86723</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129000" y="109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4</xdr:row>
      <xdr:rowOff>71500</xdr:rowOff>
    </xdr:from>
    <xdr:ext cx="7366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798800" y="110443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160020</xdr:rowOff>
    </xdr:from>
    <xdr:to>
      <xdr:col>73</xdr:col>
      <xdr:colOff>44450</xdr:colOff>
      <xdr:row>64</xdr:row>
      <xdr:rowOff>90170</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5240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4</xdr:row>
      <xdr:rowOff>7494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909800" y="1104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3</xdr:row>
      <xdr:rowOff>146231</xdr:rowOff>
    </xdr:from>
    <xdr:to>
      <xdr:col>68</xdr:col>
      <xdr:colOff>203200</xdr:colOff>
      <xdr:row>64</xdr:row>
      <xdr:rowOff>76381</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4351000" y="10947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4</xdr:row>
      <xdr:rowOff>61158</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020800" y="1103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4</xdr:row>
      <xdr:rowOff>16147</xdr:rowOff>
    </xdr:from>
    <xdr:to>
      <xdr:col>64</xdr:col>
      <xdr:colOff>152400</xdr:colOff>
      <xdr:row>64</xdr:row>
      <xdr:rowOff>117747</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3462000" y="1098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102524</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131800" y="11075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年度から継続して類似団体平均を大幅に下回っている。</a:t>
          </a:r>
          <a:endParaRPr lang="ja-JP" altLang="ja-JP" sz="1400">
            <a:effectLst/>
          </a:endParaRPr>
        </a:p>
        <a:p>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特定財源の増加に加え、元利償還金の額、公営企業債の元利償還金に対する繰入金等が減少したことなどから、単年度の数値は減少したが、単年度あたりの数値が低かった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の数値が対象から外れたことで</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平均値</a:t>
          </a:r>
          <a:r>
            <a:rPr kumimoji="1" lang="ja-JP" altLang="en-US" sz="1100">
              <a:solidFill>
                <a:schemeClr val="dk1"/>
              </a:solidFill>
              <a:effectLst/>
              <a:latin typeface="+mn-lt"/>
              <a:ea typeface="+mn-ea"/>
              <a:cs typeface="+mn-cs"/>
            </a:rPr>
            <a:t>は変わらず、</a:t>
          </a:r>
          <a:r>
            <a:rPr kumimoji="1" lang="ja-JP" altLang="ja-JP" sz="1100">
              <a:solidFill>
                <a:schemeClr val="dk1"/>
              </a:solidFill>
              <a:effectLst/>
              <a:latin typeface="+mn-lt"/>
              <a:ea typeface="+mn-ea"/>
              <a:cs typeface="+mn-cs"/>
            </a:rPr>
            <a:t>前年度と比較して</a:t>
          </a:r>
          <a:r>
            <a:rPr kumimoji="1" lang="ja-JP" altLang="en-US" sz="1100">
              <a:solidFill>
                <a:schemeClr val="dk1"/>
              </a:solidFill>
              <a:effectLst/>
              <a:latin typeface="+mn-lt"/>
              <a:ea typeface="+mn-ea"/>
              <a:cs typeface="+mn-cs"/>
            </a:rPr>
            <a:t>同値となった</a:t>
          </a:r>
          <a:r>
            <a:rPr kumimoji="1" lang="ja-JP" altLang="ja-JP" sz="1100">
              <a:solidFill>
                <a:schemeClr val="dk1"/>
              </a:solidFill>
              <a:effectLst/>
              <a:latin typeface="+mn-lt"/>
              <a:ea typeface="+mn-ea"/>
              <a:cs typeface="+mn-cs"/>
            </a:rPr>
            <a:t>。後年度負担を考慮した事業執行及び起債管理を行い、適正な水準の維持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192157"/>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66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69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79224</xdr:rowOff>
    </xdr:from>
    <xdr:to>
      <xdr:col>81</xdr:col>
      <xdr:colOff>44450</xdr:colOff>
      <xdr:row>38</xdr:row>
      <xdr:rowOff>79224</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659432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44752</xdr:rowOff>
    </xdr:from>
    <xdr:to>
      <xdr:col>77</xdr:col>
      <xdr:colOff>44450</xdr:colOff>
      <xdr:row>38</xdr:row>
      <xdr:rowOff>79224</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5290800" y="6559852"/>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1255</xdr:rowOff>
    </xdr:from>
    <xdr:to>
      <xdr:col>77</xdr:col>
      <xdr:colOff>95250</xdr:colOff>
      <xdr:row>40</xdr:row>
      <xdr:rowOff>51405</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36182</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894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21772</xdr:rowOff>
    </xdr:from>
    <xdr:to>
      <xdr:col>72</xdr:col>
      <xdr:colOff>203200</xdr:colOff>
      <xdr:row>38</xdr:row>
      <xdr:rowOff>44752</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4401800" y="6536872"/>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58750</xdr:rowOff>
    </xdr:from>
    <xdr:to>
      <xdr:col>68</xdr:col>
      <xdr:colOff>152400</xdr:colOff>
      <xdr:row>38</xdr:row>
      <xdr:rowOff>21772</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3512800" y="6502400"/>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44235</xdr:rowOff>
    </xdr:from>
    <xdr:to>
      <xdr:col>64</xdr:col>
      <xdr:colOff>152400</xdr:colOff>
      <xdr:row>40</xdr:row>
      <xdr:rowOff>74385</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59162</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28424</xdr:rowOff>
    </xdr:from>
    <xdr:to>
      <xdr:col>81</xdr:col>
      <xdr:colOff>95250</xdr:colOff>
      <xdr:row>38</xdr:row>
      <xdr:rowOff>130024</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44951</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388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28424</xdr:rowOff>
    </xdr:from>
    <xdr:to>
      <xdr:col>77</xdr:col>
      <xdr:colOff>95250</xdr:colOff>
      <xdr:row>38</xdr:row>
      <xdr:rowOff>130024</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40201</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312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65402</xdr:rowOff>
    </xdr:from>
    <xdr:to>
      <xdr:col>73</xdr:col>
      <xdr:colOff>44450</xdr:colOff>
      <xdr:row>38</xdr:row>
      <xdr:rowOff>95552</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509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05729</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277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42422</xdr:rowOff>
    </xdr:from>
    <xdr:to>
      <xdr:col>68</xdr:col>
      <xdr:colOff>203200</xdr:colOff>
      <xdr:row>38</xdr:row>
      <xdr:rowOff>72572</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82749</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254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07950</xdr:rowOff>
    </xdr:from>
    <xdr:to>
      <xdr:col>64</xdr:col>
      <xdr:colOff>152400</xdr:colOff>
      <xdr:row>38</xdr:row>
      <xdr:rowOff>3810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4827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においては、公営企業債等繰入見込額が減少したことに加え、地方債の償還が進んだことによる地方債残高の減少などから、将来負担額が減少した。</a:t>
          </a:r>
          <a:endParaRPr lang="ja-JP" altLang="ja-JP" sz="1400">
            <a:effectLst/>
          </a:endParaRPr>
        </a:p>
        <a:p>
          <a:r>
            <a:rPr kumimoji="1" lang="ja-JP" altLang="ja-JP" sz="1100">
              <a:solidFill>
                <a:schemeClr val="dk1"/>
              </a:solidFill>
              <a:effectLst/>
              <a:latin typeface="+mn-lt"/>
              <a:ea typeface="+mn-ea"/>
              <a:cs typeface="+mn-cs"/>
            </a:rPr>
            <a:t>　将来負担率は前年度に引き続き０となったが、今後も後世への負担を少しでも軽減</a:t>
          </a:r>
          <a:r>
            <a:rPr kumimoji="1" lang="ja-JP" altLang="en-US" sz="1100">
              <a:solidFill>
                <a:schemeClr val="dk1"/>
              </a:solidFill>
              <a:effectLst/>
              <a:latin typeface="+mn-lt"/>
              <a:ea typeface="+mn-ea"/>
              <a:cs typeface="+mn-cs"/>
            </a:rPr>
            <a:t>できるように適切な財政運営に努める</a:t>
          </a:r>
          <a:r>
            <a:rPr kumimoji="1" lang="ja-JP" altLang="ja-JP" sz="1100">
              <a:solidFill>
                <a:schemeClr val="dk1"/>
              </a:solidFill>
              <a:effectLst/>
              <a:latin typeface="+mn-lt"/>
              <a:ea typeface="+mn-ea"/>
              <a:cs typeface="+mn-cs"/>
            </a:rPr>
            <a:t>。</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13211</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57189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85288</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857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13211</xdr:rowOff>
    </xdr:from>
    <xdr:to>
      <xdr:col>81</xdr:col>
      <xdr:colOff>133350</xdr:colOff>
      <xdr:row>22</xdr:row>
      <xdr:rowOff>113211</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885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91820</xdr:rowOff>
    </xdr:from>
    <xdr:ext cx="762000" cy="259045"/>
    <xdr:sp macro="" textlink="">
      <xdr:nvSpPr>
        <xdr:cNvPr id="445" name="将来負担の状況平均値テキスト">
          <a:extLst>
            <a:ext uri="{FF2B5EF4-FFF2-40B4-BE49-F238E27FC236}">
              <a16:creationId xmlns:a16="http://schemas.microsoft.com/office/drawing/2014/main" id="{00000000-0008-0000-0300-0000BD010000}"/>
            </a:ext>
          </a:extLst>
        </xdr:cNvPr>
        <xdr:cNvSpPr txBox="1"/>
      </xdr:nvSpPr>
      <xdr:spPr>
        <a:xfrm>
          <a:off x="17106900" y="23206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19743</xdr:rowOff>
    </xdr:from>
    <xdr:to>
      <xdr:col>81</xdr:col>
      <xdr:colOff>95250</xdr:colOff>
      <xdr:row>14</xdr:row>
      <xdr:rowOff>49893</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69672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155938</xdr:rowOff>
    </xdr:from>
    <xdr:to>
      <xdr:col>77</xdr:col>
      <xdr:colOff>95250</xdr:colOff>
      <xdr:row>14</xdr:row>
      <xdr:rowOff>86088</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129000" y="2384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96265</xdr:rowOff>
    </xdr:from>
    <xdr:ext cx="7366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798800" y="21536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55154</xdr:rowOff>
    </xdr:from>
    <xdr:to>
      <xdr:col>73</xdr:col>
      <xdr:colOff>44450</xdr:colOff>
      <xdr:row>14</xdr:row>
      <xdr:rowOff>156754</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5240000" y="245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66931</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4909800" y="2224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70666</xdr:rowOff>
    </xdr:from>
    <xdr:to>
      <xdr:col>68</xdr:col>
      <xdr:colOff>203200</xdr:colOff>
      <xdr:row>15</xdr:row>
      <xdr:rowOff>816</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4351000" y="247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993</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020800" y="2239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2016</xdr:rowOff>
    </xdr:from>
    <xdr:to>
      <xdr:col>64</xdr:col>
      <xdr:colOff>152400</xdr:colOff>
      <xdr:row>15</xdr:row>
      <xdr:rowOff>92166</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3462000" y="256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2343</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3131800" y="2331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4780</xdr:colOff>
      <xdr:row>26</xdr:row>
      <xdr:rowOff>38100</xdr:rowOff>
    </xdr:from>
    <xdr:ext cx="9099176" cy="472440"/>
    <xdr:sp macro="" textlink="">
      <xdr:nvSpPr>
        <xdr:cNvPr id="460" name="テキスト ボックス 459">
          <a:extLst>
            <a:ext uri="{FF2B5EF4-FFF2-40B4-BE49-F238E27FC236}">
              <a16:creationId xmlns:a16="http://schemas.microsoft.com/office/drawing/2014/main" id="{B7833EC5-7802-49C9-93AF-5F55205E114C}"/>
            </a:ext>
          </a:extLst>
        </xdr:cNvPr>
        <xdr:cNvSpPr txBox="1"/>
      </xdr:nvSpPr>
      <xdr:spPr>
        <a:xfrm>
          <a:off x="716280" y="4396740"/>
          <a:ext cx="9099176" cy="47244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1
175,421
39.66
69,868,970
64,948,417
4,560,901
36,532,544
31,933,37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人件費については、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度は暫定削減終了に伴い増に転じ、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度から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までは職員の新陳代謝及び退職手当支給額の減少により減額、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再び増に転じた。令和元年度から減少傾向</a:t>
          </a:r>
          <a:r>
            <a:rPr kumimoji="1" lang="ja-JP" altLang="en-US" sz="1100">
              <a:solidFill>
                <a:schemeClr val="dk1"/>
              </a:solidFill>
              <a:effectLst/>
              <a:latin typeface="+mn-lt"/>
              <a:ea typeface="+mn-ea"/>
              <a:cs typeface="+mn-cs"/>
            </a:rPr>
            <a:t>だったが</a:t>
          </a:r>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退職手当支給額の</a:t>
          </a:r>
          <a:r>
            <a:rPr kumimoji="1" lang="ja-JP" altLang="en-US" sz="1100">
              <a:solidFill>
                <a:schemeClr val="dk1"/>
              </a:solidFill>
              <a:effectLst/>
              <a:latin typeface="+mn-lt"/>
              <a:ea typeface="+mn-ea"/>
              <a:cs typeface="+mn-cs"/>
            </a:rPr>
            <a:t>増や会計年度職員給与の増</a:t>
          </a:r>
          <a:r>
            <a:rPr kumimoji="1" lang="ja-JP" altLang="ja-JP" sz="1100">
              <a:solidFill>
                <a:schemeClr val="dk1"/>
              </a:solidFill>
              <a:effectLst/>
              <a:latin typeface="+mn-lt"/>
              <a:ea typeface="+mn-ea"/>
              <a:cs typeface="+mn-cs"/>
            </a:rPr>
            <a:t>により、前年度より</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えた</a:t>
          </a:r>
          <a:r>
            <a:rPr kumimoji="1" lang="ja-JP" altLang="ja-JP" sz="1100">
              <a:solidFill>
                <a:schemeClr val="dk1"/>
              </a:solidFill>
              <a:effectLst/>
              <a:latin typeface="+mn-lt"/>
              <a:ea typeface="+mn-ea"/>
              <a:cs typeface="+mn-cs"/>
            </a:rPr>
            <a:t>。今後、財政の硬直化を避けるため、民間委託の推進等によりコスト削減を引き続き目指していく。</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46050</xdr:rowOff>
    </xdr:from>
    <xdr:to>
      <xdr:col>24</xdr:col>
      <xdr:colOff>25400</xdr:colOff>
      <xdr:row>40</xdr:row>
      <xdr:rowOff>10414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0390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21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04140</xdr:rowOff>
    </xdr:from>
    <xdr:to>
      <xdr:col>24</xdr:col>
      <xdr:colOff>114300</xdr:colOff>
      <xdr:row>40</xdr:row>
      <xdr:rowOff>10414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097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46050</xdr:rowOff>
    </xdr:from>
    <xdr:to>
      <xdr:col>24</xdr:col>
      <xdr:colOff>114300</xdr:colOff>
      <xdr:row>33</xdr:row>
      <xdr:rowOff>1460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0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43180</xdr:rowOff>
    </xdr:from>
    <xdr:to>
      <xdr:col>24</xdr:col>
      <xdr:colOff>25400</xdr:colOff>
      <xdr:row>40</xdr:row>
      <xdr:rowOff>10414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90118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033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92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810</xdr:rowOff>
    </xdr:from>
    <xdr:to>
      <xdr:col>24</xdr:col>
      <xdr:colOff>76200</xdr:colOff>
      <xdr:row>37</xdr:row>
      <xdr:rowOff>10541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43180</xdr:rowOff>
    </xdr:from>
    <xdr:to>
      <xdr:col>19</xdr:col>
      <xdr:colOff>187325</xdr:colOff>
      <xdr:row>40</xdr:row>
      <xdr:rowOff>14224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90118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02870</xdr:rowOff>
    </xdr:from>
    <xdr:to>
      <xdr:col>20</xdr:col>
      <xdr:colOff>38100</xdr:colOff>
      <xdr:row>38</xdr:row>
      <xdr:rowOff>3302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4319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215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42240</xdr:rowOff>
    </xdr:from>
    <xdr:to>
      <xdr:col>15</xdr:col>
      <xdr:colOff>98425</xdr:colOff>
      <xdr:row>40</xdr:row>
      <xdr:rowOff>16510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70002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57150</xdr:rowOff>
    </xdr:from>
    <xdr:to>
      <xdr:col>15</xdr:col>
      <xdr:colOff>149225</xdr:colOff>
      <xdr:row>37</xdr:row>
      <xdr:rowOff>15875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6892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58420</xdr:rowOff>
    </xdr:from>
    <xdr:to>
      <xdr:col>11</xdr:col>
      <xdr:colOff>9525</xdr:colOff>
      <xdr:row>40</xdr:row>
      <xdr:rowOff>16510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91642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64770</xdr:rowOff>
    </xdr:from>
    <xdr:to>
      <xdr:col>11</xdr:col>
      <xdr:colOff>60325</xdr:colOff>
      <xdr:row>37</xdr:row>
      <xdr:rowOff>16637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509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57150</xdr:rowOff>
    </xdr:from>
    <xdr:to>
      <xdr:col>6</xdr:col>
      <xdr:colOff>171450</xdr:colOff>
      <xdr:row>37</xdr:row>
      <xdr:rowOff>1587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89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53340</xdr:rowOff>
    </xdr:from>
    <xdr:to>
      <xdr:col>24</xdr:col>
      <xdr:colOff>76200</xdr:colOff>
      <xdr:row>40</xdr:row>
      <xdr:rowOff>15494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911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3336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819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63830</xdr:rowOff>
    </xdr:from>
    <xdr:to>
      <xdr:col>20</xdr:col>
      <xdr:colOff>38100</xdr:colOff>
      <xdr:row>40</xdr:row>
      <xdr:rowOff>939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85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7875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936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91440</xdr:rowOff>
    </xdr:from>
    <xdr:to>
      <xdr:col>15</xdr:col>
      <xdr:colOff>149225</xdr:colOff>
      <xdr:row>41</xdr:row>
      <xdr:rowOff>2159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94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636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03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14300</xdr:rowOff>
    </xdr:from>
    <xdr:to>
      <xdr:col>11</xdr:col>
      <xdr:colOff>60325</xdr:colOff>
      <xdr:row>41</xdr:row>
      <xdr:rowOff>4445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97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2922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705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7620</xdr:rowOff>
    </xdr:from>
    <xdr:to>
      <xdr:col>6</xdr:col>
      <xdr:colOff>171450</xdr:colOff>
      <xdr:row>40</xdr:row>
      <xdr:rowOff>10922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865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9399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951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ふるさと寄附金運用代行業務などの費用の増によって、前年度より</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悪化した。今後も、職員数適正化計画による職員数の減に対応した委託料の増などの要因により、微増傾向が継続する可能性があると考えている。</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70</xdr:rowOff>
    </xdr:from>
    <xdr:to>
      <xdr:col>82</xdr:col>
      <xdr:colOff>107950</xdr:colOff>
      <xdr:row>21</xdr:row>
      <xdr:rowOff>6985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30120"/>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8764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197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70</xdr:rowOff>
    </xdr:from>
    <xdr:to>
      <xdr:col>82</xdr:col>
      <xdr:colOff>196850</xdr:colOff>
      <xdr:row>13</xdr:row>
      <xdr:rowOff>127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30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43180</xdr:rowOff>
    </xdr:from>
    <xdr:to>
      <xdr:col>82</xdr:col>
      <xdr:colOff>107950</xdr:colOff>
      <xdr:row>18</xdr:row>
      <xdr:rowOff>58420</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312928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6527</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588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0</xdr:rowOff>
    </xdr:from>
    <xdr:to>
      <xdr:col>82</xdr:col>
      <xdr:colOff>158750</xdr:colOff>
      <xdr:row>16</xdr:row>
      <xdr:rowOff>10160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743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00330</xdr:rowOff>
    </xdr:from>
    <xdr:to>
      <xdr:col>78</xdr:col>
      <xdr:colOff>69850</xdr:colOff>
      <xdr:row>18</xdr:row>
      <xdr:rowOff>4318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4782800" y="301498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7620</xdr:rowOff>
    </xdr:from>
    <xdr:to>
      <xdr:col>78</xdr:col>
      <xdr:colOff>120650</xdr:colOff>
      <xdr:row>16</xdr:row>
      <xdr:rowOff>10922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1939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519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77470</xdr:rowOff>
    </xdr:from>
    <xdr:to>
      <xdr:col>73</xdr:col>
      <xdr:colOff>180975</xdr:colOff>
      <xdr:row>17</xdr:row>
      <xdr:rowOff>10033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29921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30480</xdr:rowOff>
    </xdr:from>
    <xdr:to>
      <xdr:col>74</xdr:col>
      <xdr:colOff>31750</xdr:colOff>
      <xdr:row>16</xdr:row>
      <xdr:rowOff>13208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4225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542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270</xdr:rowOff>
    </xdr:from>
    <xdr:to>
      <xdr:col>69</xdr:col>
      <xdr:colOff>92075</xdr:colOff>
      <xdr:row>17</xdr:row>
      <xdr:rowOff>77470</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3004800" y="29159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620</xdr:rowOff>
    </xdr:from>
    <xdr:to>
      <xdr:col>69</xdr:col>
      <xdr:colOff>142875</xdr:colOff>
      <xdr:row>16</xdr:row>
      <xdr:rowOff>10922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1939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0480</xdr:rowOff>
    </xdr:from>
    <xdr:to>
      <xdr:col>65</xdr:col>
      <xdr:colOff>53975</xdr:colOff>
      <xdr:row>16</xdr:row>
      <xdr:rowOff>13208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225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542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7620</xdr:rowOff>
    </xdr:from>
    <xdr:to>
      <xdr:col>82</xdr:col>
      <xdr:colOff>158750</xdr:colOff>
      <xdr:row>18</xdr:row>
      <xdr:rowOff>10922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09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51147</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06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63830</xdr:rowOff>
    </xdr:from>
    <xdr:to>
      <xdr:col>78</xdr:col>
      <xdr:colOff>120650</xdr:colOff>
      <xdr:row>18</xdr:row>
      <xdr:rowOff>9398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307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78757</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164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49530</xdr:rowOff>
    </xdr:from>
    <xdr:to>
      <xdr:col>74</xdr:col>
      <xdr:colOff>31750</xdr:colOff>
      <xdr:row>17</xdr:row>
      <xdr:rowOff>15113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296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3590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05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26670</xdr:rowOff>
    </xdr:from>
    <xdr:to>
      <xdr:col>69</xdr:col>
      <xdr:colOff>142875</xdr:colOff>
      <xdr:row>17</xdr:row>
      <xdr:rowOff>12827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294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1304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02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21920</xdr:rowOff>
    </xdr:from>
    <xdr:to>
      <xdr:col>65</xdr:col>
      <xdr:colOff>53975</xdr:colOff>
      <xdr:row>17</xdr:row>
      <xdr:rowOff>5207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286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3684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295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扶助費は、生活保護費の増加や</a:t>
          </a:r>
          <a:r>
            <a:rPr kumimoji="1" lang="ja-JP" altLang="en-US" sz="1100">
              <a:solidFill>
                <a:schemeClr val="dk1"/>
              </a:solidFill>
              <a:effectLst/>
              <a:latin typeface="+mn-lt"/>
              <a:ea typeface="+mn-ea"/>
              <a:cs typeface="+mn-cs"/>
            </a:rPr>
            <a:t>児童福祉費</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待機児童対策事業や就園奨励事業の増加を主な要因としている</a:t>
          </a:r>
          <a:r>
            <a:rPr kumimoji="1" lang="ja-JP" altLang="ja-JP" sz="1100">
              <a:solidFill>
                <a:schemeClr val="dk1"/>
              </a:solidFill>
              <a:effectLst/>
              <a:latin typeface="+mn-lt"/>
              <a:ea typeface="+mn-ea"/>
              <a:cs typeface="+mn-cs"/>
            </a:rPr>
            <a:t>。市民ニーズを的確に把握し、事業の重点化と効率化を進める事で、財政を圧迫する上昇傾向に歯止めをかけるよう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6050</xdr:rowOff>
    </xdr:from>
    <xdr:to>
      <xdr:col>24</xdr:col>
      <xdr:colOff>25400</xdr:colOff>
      <xdr:row>60</xdr:row>
      <xdr:rowOff>1651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06145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3717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65100</xdr:rowOff>
    </xdr:from>
    <xdr:to>
      <xdr:col>24</xdr:col>
      <xdr:colOff>114300</xdr:colOff>
      <xdr:row>60</xdr:row>
      <xdr:rowOff>1651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097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8804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6050</xdr:rowOff>
    </xdr:from>
    <xdr:to>
      <xdr:col>24</xdr:col>
      <xdr:colOff>114300</xdr:colOff>
      <xdr:row>52</xdr:row>
      <xdr:rowOff>1460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0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07950</xdr:rowOff>
    </xdr:from>
    <xdr:to>
      <xdr:col>24</xdr:col>
      <xdr:colOff>25400</xdr:colOff>
      <xdr:row>54</xdr:row>
      <xdr:rowOff>10795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3987800" y="93662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4352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7447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0</xdr:rowOff>
    </xdr:from>
    <xdr:to>
      <xdr:col>24</xdr:col>
      <xdr:colOff>76200</xdr:colOff>
      <xdr:row>57</xdr:row>
      <xdr:rowOff>1016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07950</xdr:rowOff>
    </xdr:from>
    <xdr:to>
      <xdr:col>19</xdr:col>
      <xdr:colOff>187325</xdr:colOff>
      <xdr:row>55</xdr:row>
      <xdr:rowOff>16510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3098800" y="936625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14300</xdr:rowOff>
    </xdr:from>
    <xdr:to>
      <xdr:col>20</xdr:col>
      <xdr:colOff>38100</xdr:colOff>
      <xdr:row>58</xdr:row>
      <xdr:rowOff>4445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2922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9973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65100</xdr:rowOff>
    </xdr:from>
    <xdr:to>
      <xdr:col>15</xdr:col>
      <xdr:colOff>98425</xdr:colOff>
      <xdr:row>56</xdr:row>
      <xdr:rowOff>6985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flipV="1">
          <a:off x="2209800" y="95948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76200</xdr:rowOff>
    </xdr:from>
    <xdr:to>
      <xdr:col>15</xdr:col>
      <xdr:colOff>149225</xdr:colOff>
      <xdr:row>59</xdr:row>
      <xdr:rowOff>635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6257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xdr:rowOff>
    </xdr:from>
    <xdr:to>
      <xdr:col>11</xdr:col>
      <xdr:colOff>9525</xdr:colOff>
      <xdr:row>56</xdr:row>
      <xdr:rowOff>6985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a:off x="1320800" y="96139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33350</xdr:rowOff>
    </xdr:from>
    <xdr:to>
      <xdr:col>11</xdr:col>
      <xdr:colOff>60325</xdr:colOff>
      <xdr:row>58</xdr:row>
      <xdr:rowOff>6350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482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38100</xdr:rowOff>
    </xdr:from>
    <xdr:to>
      <xdr:col>6</xdr:col>
      <xdr:colOff>171450</xdr:colOff>
      <xdr:row>57</xdr:row>
      <xdr:rowOff>1397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244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9897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57150</xdr:rowOff>
    </xdr:from>
    <xdr:to>
      <xdr:col>24</xdr:col>
      <xdr:colOff>76200</xdr:colOff>
      <xdr:row>54</xdr:row>
      <xdr:rowOff>1587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7367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916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57150</xdr:rowOff>
    </xdr:from>
    <xdr:to>
      <xdr:col>20</xdr:col>
      <xdr:colOff>38100</xdr:colOff>
      <xdr:row>54</xdr:row>
      <xdr:rowOff>1587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6892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9084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14300</xdr:rowOff>
    </xdr:from>
    <xdr:to>
      <xdr:col>15</xdr:col>
      <xdr:colOff>149225</xdr:colOff>
      <xdr:row>56</xdr:row>
      <xdr:rowOff>444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546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931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9050</xdr:rowOff>
    </xdr:from>
    <xdr:to>
      <xdr:col>11</xdr:col>
      <xdr:colOff>60325</xdr:colOff>
      <xdr:row>56</xdr:row>
      <xdr:rowOff>1206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308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3350</xdr:rowOff>
    </xdr:from>
    <xdr:to>
      <xdr:col>6</xdr:col>
      <xdr:colOff>171450</xdr:colOff>
      <xdr:row>56</xdr:row>
      <xdr:rowOff>6350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7367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元年度から下水道事業会計が公営企業会計となり、下水道事業会計への繰出金が補助費へ性質が変更となったことにより、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から大幅な減となった。　</a:t>
          </a:r>
          <a:r>
            <a:rPr kumimoji="1" lang="ja-JP" altLang="en-US" sz="1100">
              <a:solidFill>
                <a:schemeClr val="dk1"/>
              </a:solidFill>
              <a:effectLst/>
              <a:latin typeface="+mn-lt"/>
              <a:ea typeface="+mn-ea"/>
              <a:cs typeface="+mn-cs"/>
            </a:rPr>
            <a:t>令和２年度以降は横ばいで推移し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維持補修費は、増減を繰り返していたが、平成</a:t>
          </a:r>
          <a:r>
            <a:rPr kumimoji="1" lang="en-US" altLang="ja-JP" sz="1100">
              <a:solidFill>
                <a:schemeClr val="dk1"/>
              </a:solidFill>
              <a:effectLst/>
              <a:latin typeface="+mn-lt"/>
              <a:ea typeface="+mn-ea"/>
              <a:cs typeface="+mn-cs"/>
            </a:rPr>
            <a:t>29</a:t>
          </a:r>
          <a:r>
            <a:rPr kumimoji="1" lang="ja-JP" altLang="en-US" sz="1100">
              <a:solidFill>
                <a:schemeClr val="dk1"/>
              </a:solidFill>
              <a:effectLst/>
              <a:latin typeface="+mn-lt"/>
              <a:ea typeface="+mn-ea"/>
              <a:cs typeface="+mn-cs"/>
            </a:rPr>
            <a:t>年度をピークに減少傾向となっている。　</a:t>
          </a:r>
          <a:r>
            <a:rPr kumimoji="1" lang="ja-JP" altLang="ja-JP" sz="1100">
              <a:solidFill>
                <a:schemeClr val="dk1"/>
              </a:solidFill>
              <a:effectLst/>
              <a:latin typeface="+mn-lt"/>
              <a:ea typeface="+mn-ea"/>
              <a:cs typeface="+mn-cs"/>
            </a:rPr>
            <a:t>今後も引き続き、効率的な事業展開に努め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58</xdr:row>
      <xdr:rowOff>13788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8938985"/>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109962</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054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8</xdr:row>
      <xdr:rowOff>137885</xdr:rowOff>
    </xdr:from>
    <xdr:to>
      <xdr:col>82</xdr:col>
      <xdr:colOff>196850</xdr:colOff>
      <xdr:row>58</xdr:row>
      <xdr:rowOff>13788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081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48078</xdr:rowOff>
    </xdr:from>
    <xdr:to>
      <xdr:col>82</xdr:col>
      <xdr:colOff>107950</xdr:colOff>
      <xdr:row>57</xdr:row>
      <xdr:rowOff>113393</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5671800" y="9820728"/>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54627</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484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8100</xdr:rowOff>
    </xdr:from>
    <xdr:to>
      <xdr:col>82</xdr:col>
      <xdr:colOff>158750</xdr:colOff>
      <xdr:row>56</xdr:row>
      <xdr:rowOff>13970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91622</xdr:rowOff>
    </xdr:from>
    <xdr:to>
      <xdr:col>78</xdr:col>
      <xdr:colOff>69850</xdr:colOff>
      <xdr:row>57</xdr:row>
      <xdr:rowOff>113393</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4782800" y="98642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46957</xdr:rowOff>
    </xdr:from>
    <xdr:to>
      <xdr:col>78</xdr:col>
      <xdr:colOff>120650</xdr:colOff>
      <xdr:row>57</xdr:row>
      <xdr:rowOff>77107</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748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87284</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517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91622</xdr:rowOff>
    </xdr:from>
    <xdr:to>
      <xdr:col>73</xdr:col>
      <xdr:colOff>180975</xdr:colOff>
      <xdr:row>61</xdr:row>
      <xdr:rowOff>26307</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flipV="1">
          <a:off x="13893800" y="9864272"/>
          <a:ext cx="889000" cy="62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9942</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1</xdr:row>
      <xdr:rowOff>26307</xdr:rowOff>
    </xdr:from>
    <xdr:to>
      <xdr:col>69</xdr:col>
      <xdr:colOff>92075</xdr:colOff>
      <xdr:row>61</xdr:row>
      <xdr:rowOff>58965</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flipV="1">
          <a:off x="13004800" y="104847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3082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165</xdr:rowOff>
    </xdr:from>
    <xdr:to>
      <xdr:col>65</xdr:col>
      <xdr:colOff>53975</xdr:colOff>
      <xdr:row>57</xdr:row>
      <xdr:rowOff>109765</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19942</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68728</xdr:rowOff>
    </xdr:from>
    <xdr:to>
      <xdr:col>82</xdr:col>
      <xdr:colOff>158750</xdr:colOff>
      <xdr:row>57</xdr:row>
      <xdr:rowOff>98878</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76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40805</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742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62593</xdr:rowOff>
    </xdr:from>
    <xdr:to>
      <xdr:col>78</xdr:col>
      <xdr:colOff>120650</xdr:colOff>
      <xdr:row>57</xdr:row>
      <xdr:rowOff>164193</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835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48970</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921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40822</xdr:rowOff>
    </xdr:from>
    <xdr:to>
      <xdr:col>74</xdr:col>
      <xdr:colOff>31750</xdr:colOff>
      <xdr:row>57</xdr:row>
      <xdr:rowOff>142422</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81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27199</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89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146957</xdr:rowOff>
    </xdr:from>
    <xdr:to>
      <xdr:col>69</xdr:col>
      <xdr:colOff>142875</xdr:colOff>
      <xdr:row>61</xdr:row>
      <xdr:rowOff>77107</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1043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1</xdr:row>
      <xdr:rowOff>61884</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10520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1</xdr:row>
      <xdr:rowOff>8165</xdr:rowOff>
    </xdr:from>
    <xdr:to>
      <xdr:col>65</xdr:col>
      <xdr:colOff>53975</xdr:colOff>
      <xdr:row>61</xdr:row>
      <xdr:rowOff>109765</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10466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1</xdr:row>
      <xdr:rowOff>94542</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10552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元年度から下水道事業会計が公営企業会計となり、下水道事業会計への繰出金が補助費へ性質が変更となったことなどで補助費等が増額となり、類似団体平均を上回るようになった。令和２年度</a:t>
          </a:r>
          <a:r>
            <a:rPr kumimoji="1" lang="ja-JP" altLang="en-US" sz="1100">
              <a:solidFill>
                <a:schemeClr val="dk1"/>
              </a:solidFill>
              <a:effectLst/>
              <a:latin typeface="+mn-lt"/>
              <a:ea typeface="+mn-ea"/>
              <a:cs typeface="+mn-cs"/>
            </a:rPr>
            <a:t>に引き続き令和３年度も、</a:t>
          </a:r>
          <a:r>
            <a:rPr kumimoji="1" lang="ja-JP" altLang="ja-JP" sz="1100">
              <a:solidFill>
                <a:schemeClr val="dk1"/>
              </a:solidFill>
              <a:effectLst/>
              <a:latin typeface="+mn-lt"/>
              <a:ea typeface="+mn-ea"/>
              <a:cs typeface="+mn-cs"/>
            </a:rPr>
            <a:t>ほぼ横ばいとなった。</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a:extLst>
            <a:ext uri="{FF2B5EF4-FFF2-40B4-BE49-F238E27FC236}">
              <a16:creationId xmlns:a16="http://schemas.microsoft.com/office/drawing/2014/main" id="{00000000-0008-0000-0400-000034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54214</xdr:rowOff>
    </xdr:from>
    <xdr:to>
      <xdr:col>82</xdr:col>
      <xdr:colOff>107950</xdr:colOff>
      <xdr:row>41</xdr:row>
      <xdr:rowOff>124278</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6510000" y="5640614"/>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96355</xdr:rowOff>
    </xdr:from>
    <xdr:ext cx="762000" cy="259045"/>
    <xdr:sp macro="" textlink="">
      <xdr:nvSpPr>
        <xdr:cNvPr id="310" name="補助費等最小値テキスト">
          <a:extLst>
            <a:ext uri="{FF2B5EF4-FFF2-40B4-BE49-F238E27FC236}">
              <a16:creationId xmlns:a16="http://schemas.microsoft.com/office/drawing/2014/main" id="{00000000-0008-0000-0400-000036010000}"/>
            </a:ext>
          </a:extLst>
        </xdr:cNvPr>
        <xdr:cNvSpPr txBox="1"/>
      </xdr:nvSpPr>
      <xdr:spPr>
        <a:xfrm>
          <a:off x="16598900" y="7125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24278</xdr:rowOff>
    </xdr:from>
    <xdr:to>
      <xdr:col>82</xdr:col>
      <xdr:colOff>196850</xdr:colOff>
      <xdr:row>41</xdr:row>
      <xdr:rowOff>124278</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6421100" y="7153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9141</xdr:rowOff>
    </xdr:from>
    <xdr:ext cx="762000" cy="259045"/>
    <xdr:sp macro="" textlink="">
      <xdr:nvSpPr>
        <xdr:cNvPr id="312" name="補助費等最大値テキスト">
          <a:extLst>
            <a:ext uri="{FF2B5EF4-FFF2-40B4-BE49-F238E27FC236}">
              <a16:creationId xmlns:a16="http://schemas.microsoft.com/office/drawing/2014/main" id="{00000000-0008-0000-0400-000038010000}"/>
            </a:ext>
          </a:extLst>
        </xdr:cNvPr>
        <xdr:cNvSpPr txBox="1"/>
      </xdr:nvSpPr>
      <xdr:spPr>
        <a:xfrm>
          <a:off x="16598900" y="538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54214</xdr:rowOff>
    </xdr:from>
    <xdr:to>
      <xdr:col>82</xdr:col>
      <xdr:colOff>196850</xdr:colOff>
      <xdr:row>32</xdr:row>
      <xdr:rowOff>154214</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5640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4536</xdr:rowOff>
    </xdr:from>
    <xdr:to>
      <xdr:col>82</xdr:col>
      <xdr:colOff>107950</xdr:colOff>
      <xdr:row>37</xdr:row>
      <xdr:rowOff>4536</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5671800" y="634818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76399</xdr:rowOff>
    </xdr:from>
    <xdr:ext cx="762000" cy="259045"/>
    <xdr:sp macro="" textlink="">
      <xdr:nvSpPr>
        <xdr:cNvPr id="315" name="補助費等平均値テキスト">
          <a:extLst>
            <a:ext uri="{FF2B5EF4-FFF2-40B4-BE49-F238E27FC236}">
              <a16:creationId xmlns:a16="http://schemas.microsoft.com/office/drawing/2014/main" id="{00000000-0008-0000-0400-00003B010000}"/>
            </a:ext>
          </a:extLst>
        </xdr:cNvPr>
        <xdr:cNvSpPr txBox="1"/>
      </xdr:nvSpPr>
      <xdr:spPr>
        <a:xfrm>
          <a:off x="16598900" y="6077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9872</xdr:rowOff>
    </xdr:from>
    <xdr:to>
      <xdr:col>82</xdr:col>
      <xdr:colOff>158750</xdr:colOff>
      <xdr:row>36</xdr:row>
      <xdr:rowOff>161472</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64592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4536</xdr:rowOff>
    </xdr:from>
    <xdr:to>
      <xdr:col>78</xdr:col>
      <xdr:colOff>69850</xdr:colOff>
      <xdr:row>37</xdr:row>
      <xdr:rowOff>15422</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flipV="1">
          <a:off x="14782800" y="6348186"/>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1643</xdr:rowOff>
    </xdr:from>
    <xdr:to>
      <xdr:col>78</xdr:col>
      <xdr:colOff>120650</xdr:colOff>
      <xdr:row>37</xdr:row>
      <xdr:rowOff>11793</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5621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21970</xdr:rowOff>
    </xdr:from>
    <xdr:ext cx="7366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290800" y="6022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2</xdr:row>
      <xdr:rowOff>99786</xdr:rowOff>
    </xdr:from>
    <xdr:to>
      <xdr:col>73</xdr:col>
      <xdr:colOff>180975</xdr:colOff>
      <xdr:row>37</xdr:row>
      <xdr:rowOff>15422</xdr:rowOff>
    </xdr:to>
    <xdr:cxnSp macro="">
      <xdr:nvCxnSpPr>
        <xdr:cNvPr id="320" name="直線コネクタ 319">
          <a:extLst>
            <a:ext uri="{FF2B5EF4-FFF2-40B4-BE49-F238E27FC236}">
              <a16:creationId xmlns:a16="http://schemas.microsoft.com/office/drawing/2014/main" id="{00000000-0008-0000-0400-000040010000}"/>
            </a:ext>
          </a:extLst>
        </xdr:cNvPr>
        <xdr:cNvCxnSpPr/>
      </xdr:nvCxnSpPr>
      <xdr:spPr>
        <a:xfrm>
          <a:off x="13893800" y="5586186"/>
          <a:ext cx="889000" cy="772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48986</xdr:rowOff>
    </xdr:from>
    <xdr:to>
      <xdr:col>74</xdr:col>
      <xdr:colOff>31750</xdr:colOff>
      <xdr:row>36</xdr:row>
      <xdr:rowOff>150586</xdr:rowOff>
    </xdr:to>
    <xdr:sp macro="" textlink="">
      <xdr:nvSpPr>
        <xdr:cNvPr id="321" name="フローチャート: 判断 320">
          <a:extLst>
            <a:ext uri="{FF2B5EF4-FFF2-40B4-BE49-F238E27FC236}">
              <a16:creationId xmlns:a16="http://schemas.microsoft.com/office/drawing/2014/main" id="{00000000-0008-0000-0400-000041010000}"/>
            </a:ext>
          </a:extLst>
        </xdr:cNvPr>
        <xdr:cNvSpPr/>
      </xdr:nvSpPr>
      <xdr:spPr>
        <a:xfrm>
          <a:off x="14732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0763</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4401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2</xdr:row>
      <xdr:rowOff>99786</xdr:rowOff>
    </xdr:from>
    <xdr:to>
      <xdr:col>69</xdr:col>
      <xdr:colOff>92075</xdr:colOff>
      <xdr:row>32</xdr:row>
      <xdr:rowOff>132443</xdr:rowOff>
    </xdr:to>
    <xdr:cxnSp macro="">
      <xdr:nvCxnSpPr>
        <xdr:cNvPr id="323" name="直線コネクタ 322">
          <a:extLst>
            <a:ext uri="{FF2B5EF4-FFF2-40B4-BE49-F238E27FC236}">
              <a16:creationId xmlns:a16="http://schemas.microsoft.com/office/drawing/2014/main" id="{00000000-0008-0000-0400-000043010000}"/>
            </a:ext>
          </a:extLst>
        </xdr:cNvPr>
        <xdr:cNvCxnSpPr/>
      </xdr:nvCxnSpPr>
      <xdr:spPr>
        <a:xfrm flipV="1">
          <a:off x="13004800" y="558618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38100</xdr:rowOff>
    </xdr:from>
    <xdr:to>
      <xdr:col>69</xdr:col>
      <xdr:colOff>142875</xdr:colOff>
      <xdr:row>36</xdr:row>
      <xdr:rowOff>139700</xdr:rowOff>
    </xdr:to>
    <xdr:sp macro="" textlink="">
      <xdr:nvSpPr>
        <xdr:cNvPr id="324" name="フローチャート: 判断 323">
          <a:extLst>
            <a:ext uri="{FF2B5EF4-FFF2-40B4-BE49-F238E27FC236}">
              <a16:creationId xmlns:a16="http://schemas.microsoft.com/office/drawing/2014/main" id="{00000000-0008-0000-0400-000044010000}"/>
            </a:ext>
          </a:extLst>
        </xdr:cNvPr>
        <xdr:cNvSpPr/>
      </xdr:nvSpPr>
      <xdr:spPr>
        <a:xfrm>
          <a:off x="13843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244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512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55122</xdr:rowOff>
    </xdr:from>
    <xdr:to>
      <xdr:col>65</xdr:col>
      <xdr:colOff>53975</xdr:colOff>
      <xdr:row>36</xdr:row>
      <xdr:rowOff>85272</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2954000" y="6155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70049</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2623800" y="624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5186</xdr:rowOff>
    </xdr:from>
    <xdr:to>
      <xdr:col>82</xdr:col>
      <xdr:colOff>158750</xdr:colOff>
      <xdr:row>37</xdr:row>
      <xdr:rowOff>55336</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64592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97263</xdr:rowOff>
    </xdr:from>
    <xdr:ext cx="762000" cy="259045"/>
    <xdr:sp macro="" textlink="">
      <xdr:nvSpPr>
        <xdr:cNvPr id="334" name="補助費等該当値テキスト">
          <a:extLst>
            <a:ext uri="{FF2B5EF4-FFF2-40B4-BE49-F238E27FC236}">
              <a16:creationId xmlns:a16="http://schemas.microsoft.com/office/drawing/2014/main" id="{00000000-0008-0000-0400-00004E010000}"/>
            </a:ext>
          </a:extLst>
        </xdr:cNvPr>
        <xdr:cNvSpPr txBox="1"/>
      </xdr:nvSpPr>
      <xdr:spPr>
        <a:xfrm>
          <a:off x="16598900" y="6269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25186</xdr:rowOff>
    </xdr:from>
    <xdr:to>
      <xdr:col>78</xdr:col>
      <xdr:colOff>120650</xdr:colOff>
      <xdr:row>37</xdr:row>
      <xdr:rowOff>55336</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56210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0113</xdr:rowOff>
    </xdr:from>
    <xdr:ext cx="7366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5290800" y="63837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36072</xdr:rowOff>
    </xdr:from>
    <xdr:to>
      <xdr:col>74</xdr:col>
      <xdr:colOff>31750</xdr:colOff>
      <xdr:row>37</xdr:row>
      <xdr:rowOff>66222</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4732000" y="630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0999</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4401800" y="639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2</xdr:row>
      <xdr:rowOff>48986</xdr:rowOff>
    </xdr:from>
    <xdr:to>
      <xdr:col>69</xdr:col>
      <xdr:colOff>142875</xdr:colOff>
      <xdr:row>32</xdr:row>
      <xdr:rowOff>150586</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3843000" y="5535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0</xdr:row>
      <xdr:rowOff>160763</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3512800" y="5304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2</xdr:row>
      <xdr:rowOff>81643</xdr:rowOff>
    </xdr:from>
    <xdr:to>
      <xdr:col>65</xdr:col>
      <xdr:colOff>53975</xdr:colOff>
      <xdr:row>33</xdr:row>
      <xdr:rowOff>11793</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2954000" y="5568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1</xdr:row>
      <xdr:rowOff>21970</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2623800" y="5336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高金利で発行した臨時財政対策債の完済などにより減へと転じ、減少傾向が続いており、令和元年度は公共用地先行取得等事業債及び大船中学校改築事業債などの返還が開始したことにより一時的に増へと転じたが、令和２年度</a:t>
          </a:r>
          <a:r>
            <a:rPr kumimoji="1" lang="ja-JP" altLang="en-US" sz="1100">
              <a:solidFill>
                <a:schemeClr val="dk1"/>
              </a:solidFill>
              <a:effectLst/>
              <a:latin typeface="+mn-lt"/>
              <a:ea typeface="+mn-ea"/>
              <a:cs typeface="+mn-cs"/>
            </a:rPr>
            <a:t>から償還完了による借入残高の減少</a:t>
          </a:r>
          <a:r>
            <a:rPr kumimoji="1" lang="ja-JP" altLang="ja-JP" sz="1100">
              <a:solidFill>
                <a:schemeClr val="dk1"/>
              </a:solidFill>
              <a:effectLst/>
              <a:latin typeface="+mn-lt"/>
              <a:ea typeface="+mn-ea"/>
              <a:cs typeface="+mn-cs"/>
            </a:rPr>
            <a:t>に転じ</a:t>
          </a:r>
          <a:r>
            <a:rPr kumimoji="1" lang="ja-JP" altLang="en-US" sz="1100">
              <a:solidFill>
                <a:schemeClr val="dk1"/>
              </a:solidFill>
              <a:effectLst/>
              <a:latin typeface="+mn-lt"/>
              <a:ea typeface="+mn-ea"/>
              <a:cs typeface="+mn-cs"/>
            </a:rPr>
            <a:t>ている</a:t>
          </a:r>
          <a:r>
            <a:rPr kumimoji="1" lang="ja-JP" altLang="ja-JP" sz="1100">
              <a:solidFill>
                <a:schemeClr val="dk1"/>
              </a:solidFill>
              <a:effectLst/>
              <a:latin typeface="+mn-lt"/>
              <a:ea typeface="+mn-ea"/>
              <a:cs typeface="+mn-cs"/>
            </a:rPr>
            <a:t>。今後、市債残高や公債費比率の推移等の将来負担を見極めながら、公債費の適正な水準の維持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70" name="公債費グラフ枠">
          <a:extLst>
            <a:ext uri="{FF2B5EF4-FFF2-40B4-BE49-F238E27FC236}">
              <a16:creationId xmlns:a16="http://schemas.microsoft.com/office/drawing/2014/main" id="{00000000-0008-0000-0400-000072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61290</xdr:rowOff>
    </xdr:from>
    <xdr:to>
      <xdr:col>24</xdr:col>
      <xdr:colOff>25400</xdr:colOff>
      <xdr:row>81</xdr:row>
      <xdr:rowOff>37193</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flipV="1">
          <a:off x="4826000" y="12677140"/>
          <a:ext cx="0" cy="12475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9270</xdr:rowOff>
    </xdr:from>
    <xdr:ext cx="762000" cy="259045"/>
    <xdr:sp macro="" textlink="">
      <xdr:nvSpPr>
        <xdr:cNvPr id="372" name="公債費最小値テキスト">
          <a:extLst>
            <a:ext uri="{FF2B5EF4-FFF2-40B4-BE49-F238E27FC236}">
              <a16:creationId xmlns:a16="http://schemas.microsoft.com/office/drawing/2014/main" id="{00000000-0008-0000-0400-000074010000}"/>
            </a:ext>
          </a:extLst>
        </xdr:cNvPr>
        <xdr:cNvSpPr txBox="1"/>
      </xdr:nvSpPr>
      <xdr:spPr>
        <a:xfrm>
          <a:off x="4914900" y="13896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37193</xdr:rowOff>
    </xdr:from>
    <xdr:to>
      <xdr:col>24</xdr:col>
      <xdr:colOff>114300</xdr:colOff>
      <xdr:row>81</xdr:row>
      <xdr:rowOff>37193</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3924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76217</xdr:rowOff>
    </xdr:from>
    <xdr:ext cx="762000" cy="259045"/>
    <xdr:sp macro="" textlink="">
      <xdr:nvSpPr>
        <xdr:cNvPr id="374" name="公債費最大値テキスト">
          <a:extLst>
            <a:ext uri="{FF2B5EF4-FFF2-40B4-BE49-F238E27FC236}">
              <a16:creationId xmlns:a16="http://schemas.microsoft.com/office/drawing/2014/main" id="{00000000-0008-0000-0400-000076010000}"/>
            </a:ext>
          </a:extLst>
        </xdr:cNvPr>
        <xdr:cNvSpPr txBox="1"/>
      </xdr:nvSpPr>
      <xdr:spPr>
        <a:xfrm>
          <a:off x="4914900" y="1242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61290</xdr:rowOff>
    </xdr:from>
    <xdr:to>
      <xdr:col>24</xdr:col>
      <xdr:colOff>114300</xdr:colOff>
      <xdr:row>73</xdr:row>
      <xdr:rowOff>161290</xdr:rowOff>
    </xdr:to>
    <xdr:cxnSp macro="">
      <xdr:nvCxnSpPr>
        <xdr:cNvPr id="375" name="直線コネクタ 374">
          <a:extLst>
            <a:ext uri="{FF2B5EF4-FFF2-40B4-BE49-F238E27FC236}">
              <a16:creationId xmlns:a16="http://schemas.microsoft.com/office/drawing/2014/main" id="{00000000-0008-0000-0400-000077010000}"/>
            </a:ext>
          </a:extLst>
        </xdr:cNvPr>
        <xdr:cNvCxnSpPr/>
      </xdr:nvCxnSpPr>
      <xdr:spPr>
        <a:xfrm>
          <a:off x="4737100" y="12677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36798</xdr:rowOff>
    </xdr:from>
    <xdr:to>
      <xdr:col>24</xdr:col>
      <xdr:colOff>25400</xdr:colOff>
      <xdr:row>76</xdr:row>
      <xdr:rowOff>156392</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3987800" y="13166998"/>
          <a:ext cx="8382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7" name="公債費平均値テキスト">
          <a:extLst>
            <a:ext uri="{FF2B5EF4-FFF2-40B4-BE49-F238E27FC236}">
              <a16:creationId xmlns:a16="http://schemas.microsoft.com/office/drawing/2014/main" id="{00000000-0008-0000-0400-000079010000}"/>
            </a:ext>
          </a:extLst>
        </xdr:cNvPr>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56392</xdr:rowOff>
    </xdr:from>
    <xdr:to>
      <xdr:col>19</xdr:col>
      <xdr:colOff>187325</xdr:colOff>
      <xdr:row>77</xdr:row>
      <xdr:rowOff>17599</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3098800" y="13186592"/>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9050</xdr:rowOff>
    </xdr:from>
    <xdr:to>
      <xdr:col>20</xdr:col>
      <xdr:colOff>38100</xdr:colOff>
      <xdr:row>77</xdr:row>
      <xdr:rowOff>120650</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3937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5427</xdr:rowOff>
    </xdr:from>
    <xdr:ext cx="7366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3606800" y="1330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56392</xdr:rowOff>
    </xdr:from>
    <xdr:to>
      <xdr:col>15</xdr:col>
      <xdr:colOff>98425</xdr:colOff>
      <xdr:row>77</xdr:row>
      <xdr:rowOff>17599</xdr:rowOff>
    </xdr:to>
    <xdr:cxnSp macro="">
      <xdr:nvCxnSpPr>
        <xdr:cNvPr id="382" name="直線コネクタ 381">
          <a:extLst>
            <a:ext uri="{FF2B5EF4-FFF2-40B4-BE49-F238E27FC236}">
              <a16:creationId xmlns:a16="http://schemas.microsoft.com/office/drawing/2014/main" id="{00000000-0008-0000-0400-00007E010000}"/>
            </a:ext>
          </a:extLst>
        </xdr:cNvPr>
        <xdr:cNvCxnSpPr/>
      </xdr:nvCxnSpPr>
      <xdr:spPr>
        <a:xfrm>
          <a:off x="2209800" y="13186592"/>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58238</xdr:rowOff>
    </xdr:from>
    <xdr:to>
      <xdr:col>15</xdr:col>
      <xdr:colOff>149225</xdr:colOff>
      <xdr:row>77</xdr:row>
      <xdr:rowOff>159838</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3048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44615</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2717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56392</xdr:rowOff>
    </xdr:from>
    <xdr:to>
      <xdr:col>11</xdr:col>
      <xdr:colOff>9525</xdr:colOff>
      <xdr:row>76</xdr:row>
      <xdr:rowOff>169455</xdr:rowOff>
    </xdr:to>
    <xdr:cxnSp macro="">
      <xdr:nvCxnSpPr>
        <xdr:cNvPr id="385" name="直線コネクタ 384">
          <a:extLst>
            <a:ext uri="{FF2B5EF4-FFF2-40B4-BE49-F238E27FC236}">
              <a16:creationId xmlns:a16="http://schemas.microsoft.com/office/drawing/2014/main" id="{00000000-0008-0000-0400-000081010000}"/>
            </a:ext>
          </a:extLst>
        </xdr:cNvPr>
        <xdr:cNvCxnSpPr/>
      </xdr:nvCxnSpPr>
      <xdr:spPr>
        <a:xfrm flipV="1">
          <a:off x="1320800" y="13186592"/>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8" name="フローチャート: 判断 387">
          <a:extLst>
            <a:ext uri="{FF2B5EF4-FFF2-40B4-BE49-F238E27FC236}">
              <a16:creationId xmlns:a16="http://schemas.microsoft.com/office/drawing/2014/main" id="{00000000-0008-0000-0400-000084010000}"/>
            </a:ext>
          </a:extLst>
        </xdr:cNvPr>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5998</xdr:rowOff>
    </xdr:from>
    <xdr:to>
      <xdr:col>24</xdr:col>
      <xdr:colOff>76200</xdr:colOff>
      <xdr:row>77</xdr:row>
      <xdr:rowOff>16148</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4775200" y="13116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02525</xdr:rowOff>
    </xdr:from>
    <xdr:ext cx="762000" cy="259045"/>
    <xdr:sp macro="" textlink="">
      <xdr:nvSpPr>
        <xdr:cNvPr id="396" name="公債費該当値テキスト">
          <a:extLst>
            <a:ext uri="{FF2B5EF4-FFF2-40B4-BE49-F238E27FC236}">
              <a16:creationId xmlns:a16="http://schemas.microsoft.com/office/drawing/2014/main" id="{00000000-0008-0000-0400-00008C010000}"/>
            </a:ext>
          </a:extLst>
        </xdr:cNvPr>
        <xdr:cNvSpPr txBox="1"/>
      </xdr:nvSpPr>
      <xdr:spPr>
        <a:xfrm>
          <a:off x="4914900" y="12961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05592</xdr:rowOff>
    </xdr:from>
    <xdr:to>
      <xdr:col>20</xdr:col>
      <xdr:colOff>38100</xdr:colOff>
      <xdr:row>77</xdr:row>
      <xdr:rowOff>35742</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937000" y="1313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45918</xdr:rowOff>
    </xdr:from>
    <xdr:ext cx="7366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3606800" y="129046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38249</xdr:rowOff>
    </xdr:from>
    <xdr:to>
      <xdr:col>15</xdr:col>
      <xdr:colOff>149225</xdr:colOff>
      <xdr:row>77</xdr:row>
      <xdr:rowOff>68399</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3048000" y="13168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78576</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2717800" y="12937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05592</xdr:rowOff>
    </xdr:from>
    <xdr:to>
      <xdr:col>11</xdr:col>
      <xdr:colOff>60325</xdr:colOff>
      <xdr:row>77</xdr:row>
      <xdr:rowOff>35742</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2159000" y="1313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45918</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828800" y="1290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18655</xdr:rowOff>
    </xdr:from>
    <xdr:to>
      <xdr:col>6</xdr:col>
      <xdr:colOff>171450</xdr:colOff>
      <xdr:row>77</xdr:row>
      <xdr:rowOff>48805</xdr:rowOff>
    </xdr:to>
    <xdr:sp macro="" textlink="">
      <xdr:nvSpPr>
        <xdr:cNvPr id="403" name="楕円 402">
          <a:extLst>
            <a:ext uri="{FF2B5EF4-FFF2-40B4-BE49-F238E27FC236}">
              <a16:creationId xmlns:a16="http://schemas.microsoft.com/office/drawing/2014/main" id="{00000000-0008-0000-0400-000093010000}"/>
            </a:ext>
          </a:extLst>
        </xdr:cNvPr>
        <xdr:cNvSpPr/>
      </xdr:nvSpPr>
      <xdr:spPr>
        <a:xfrm>
          <a:off x="1270000" y="13148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58981</xdr:rowOff>
    </xdr:from>
    <xdr:ext cx="762000" cy="259045"/>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939800" y="12917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4" name="正方形/長方形 413">
          <a:extLst>
            <a:ext uri="{FF2B5EF4-FFF2-40B4-BE49-F238E27FC236}">
              <a16:creationId xmlns:a16="http://schemas.microsoft.com/office/drawing/2014/main" id="{00000000-0008-0000-0400-00009E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維持修繕費、補助費、繰出金等が減少したが、人件費、扶助費、物件費の経常収支比率が増加したことで前年度より</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今後も物件費が増加傾向にあるため、公債費以外が増加していく可能性があると考えられる。</a:t>
          </a:r>
          <a:endParaRPr kumimoji="1" lang="en-US" altLang="ja-JP" sz="1100">
            <a:solidFill>
              <a:schemeClr val="dk1"/>
            </a:solidFill>
            <a:effectLst/>
            <a:latin typeface="+mn-lt"/>
            <a:ea typeface="+mn-ea"/>
            <a:cs typeface="+mn-cs"/>
          </a:endParaRPr>
        </a:p>
      </xdr:txBody>
    </xdr:sp>
    <xdr:clientData/>
  </xdr:twoCellAnchor>
  <xdr:oneCellAnchor>
    <xdr:from>
      <xdr:col>62</xdr:col>
      <xdr:colOff>6350</xdr:colOff>
      <xdr:row>69</xdr:row>
      <xdr:rowOff>107950</xdr:rowOff>
    </xdr:from>
    <xdr:ext cx="298543" cy="225703"/>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8425</xdr:rowOff>
    </xdr:from>
    <xdr:to>
      <xdr:col>82</xdr:col>
      <xdr:colOff>107950</xdr:colOff>
      <xdr:row>80</xdr:row>
      <xdr:rowOff>6985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6510000" y="12614275"/>
          <a:ext cx="0" cy="1171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1927</xdr:rowOff>
    </xdr:from>
    <xdr:ext cx="762000" cy="259045"/>
    <xdr:sp macro="" textlink="">
      <xdr:nvSpPr>
        <xdr:cNvPr id="429" name="公債費以外最小値テキスト">
          <a:extLst>
            <a:ext uri="{FF2B5EF4-FFF2-40B4-BE49-F238E27FC236}">
              <a16:creationId xmlns:a16="http://schemas.microsoft.com/office/drawing/2014/main" id="{00000000-0008-0000-0400-0000AD010000}"/>
            </a:ext>
          </a:extLst>
        </xdr:cNvPr>
        <xdr:cNvSpPr txBox="1"/>
      </xdr:nvSpPr>
      <xdr:spPr>
        <a:xfrm>
          <a:off x="16598900" y="13757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9850</xdr:rowOff>
    </xdr:from>
    <xdr:to>
      <xdr:col>82</xdr:col>
      <xdr:colOff>196850</xdr:colOff>
      <xdr:row>80</xdr:row>
      <xdr:rowOff>6985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3785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3352</xdr:rowOff>
    </xdr:from>
    <xdr:ext cx="762000" cy="259045"/>
    <xdr:sp macro="" textlink="">
      <xdr:nvSpPr>
        <xdr:cNvPr id="431" name="公債費以外最大値テキスト">
          <a:extLst>
            <a:ext uri="{FF2B5EF4-FFF2-40B4-BE49-F238E27FC236}">
              <a16:creationId xmlns:a16="http://schemas.microsoft.com/office/drawing/2014/main" id="{00000000-0008-0000-0400-0000AF010000}"/>
            </a:ext>
          </a:extLst>
        </xdr:cNvPr>
        <xdr:cNvSpPr txBox="1"/>
      </xdr:nvSpPr>
      <xdr:spPr>
        <a:xfrm>
          <a:off x="16598900" y="12357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8425</xdr:rowOff>
    </xdr:from>
    <xdr:to>
      <xdr:col>82</xdr:col>
      <xdr:colOff>196850</xdr:colOff>
      <xdr:row>73</xdr:row>
      <xdr:rowOff>98425</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2614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46989</xdr:rowOff>
    </xdr:from>
    <xdr:to>
      <xdr:col>82</xdr:col>
      <xdr:colOff>107950</xdr:colOff>
      <xdr:row>80</xdr:row>
      <xdr:rowOff>69850</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5671800" y="13762989"/>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69867</xdr:rowOff>
    </xdr:from>
    <xdr:ext cx="762000" cy="259045"/>
    <xdr:sp macro="" textlink="">
      <xdr:nvSpPr>
        <xdr:cNvPr id="434" name="公債費以外平均値テキスト">
          <a:extLst>
            <a:ext uri="{FF2B5EF4-FFF2-40B4-BE49-F238E27FC236}">
              <a16:creationId xmlns:a16="http://schemas.microsoft.com/office/drawing/2014/main" id="{00000000-0008-0000-0400-0000B2010000}"/>
            </a:ext>
          </a:extLst>
        </xdr:cNvPr>
        <xdr:cNvSpPr txBox="1"/>
      </xdr:nvSpPr>
      <xdr:spPr>
        <a:xfrm>
          <a:off x="16598900" y="12928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53339</xdr:rowOff>
    </xdr:from>
    <xdr:to>
      <xdr:col>82</xdr:col>
      <xdr:colOff>158750</xdr:colOff>
      <xdr:row>76</xdr:row>
      <xdr:rowOff>154939</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64592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46989</xdr:rowOff>
    </xdr:from>
    <xdr:to>
      <xdr:col>78</xdr:col>
      <xdr:colOff>69850</xdr:colOff>
      <xdr:row>80</xdr:row>
      <xdr:rowOff>98425</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4782800" y="13762989"/>
          <a:ext cx="8890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64770</xdr:rowOff>
    </xdr:from>
    <xdr:to>
      <xdr:col>78</xdr:col>
      <xdr:colOff>120650</xdr:colOff>
      <xdr:row>77</xdr:row>
      <xdr:rowOff>16637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5621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97</xdr:rowOff>
    </xdr:from>
    <xdr:ext cx="7366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290800" y="13035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41275</xdr:rowOff>
    </xdr:from>
    <xdr:to>
      <xdr:col>73</xdr:col>
      <xdr:colOff>180975</xdr:colOff>
      <xdr:row>80</xdr:row>
      <xdr:rowOff>98425</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3893800" y="1375727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87630</xdr:rowOff>
    </xdr:from>
    <xdr:to>
      <xdr:col>74</xdr:col>
      <xdr:colOff>31750</xdr:colOff>
      <xdr:row>78</xdr:row>
      <xdr:rowOff>17780</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4732000" y="13289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2795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401800" y="1305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92711</xdr:rowOff>
    </xdr:from>
    <xdr:to>
      <xdr:col>69</xdr:col>
      <xdr:colOff>92075</xdr:colOff>
      <xdr:row>80</xdr:row>
      <xdr:rowOff>41275</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3004800" y="13637261"/>
          <a:ext cx="889000" cy="120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41911</xdr:rowOff>
    </xdr:from>
    <xdr:to>
      <xdr:col>69</xdr:col>
      <xdr:colOff>142875</xdr:colOff>
      <xdr:row>77</xdr:row>
      <xdr:rowOff>143511</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3843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53688</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512800" y="13012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61925</xdr:rowOff>
    </xdr:from>
    <xdr:to>
      <xdr:col>65</xdr:col>
      <xdr:colOff>53975</xdr:colOff>
      <xdr:row>77</xdr:row>
      <xdr:rowOff>92075</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2954000" y="13192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02252</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623800" y="12961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9050</xdr:rowOff>
    </xdr:from>
    <xdr:to>
      <xdr:col>82</xdr:col>
      <xdr:colOff>158750</xdr:colOff>
      <xdr:row>80</xdr:row>
      <xdr:rowOff>120650</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6459200" y="1373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99077</xdr:rowOff>
    </xdr:from>
    <xdr:ext cx="762000" cy="259045"/>
    <xdr:sp macro="" textlink="">
      <xdr:nvSpPr>
        <xdr:cNvPr id="453" name="公債費以外該当値テキスト">
          <a:extLst>
            <a:ext uri="{FF2B5EF4-FFF2-40B4-BE49-F238E27FC236}">
              <a16:creationId xmlns:a16="http://schemas.microsoft.com/office/drawing/2014/main" id="{00000000-0008-0000-0400-0000C5010000}"/>
            </a:ext>
          </a:extLst>
        </xdr:cNvPr>
        <xdr:cNvSpPr txBox="1"/>
      </xdr:nvSpPr>
      <xdr:spPr>
        <a:xfrm>
          <a:off x="16598900" y="13643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67639</xdr:rowOff>
    </xdr:from>
    <xdr:to>
      <xdr:col>78</xdr:col>
      <xdr:colOff>120650</xdr:colOff>
      <xdr:row>80</xdr:row>
      <xdr:rowOff>97789</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5621000" y="1371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82566</xdr:rowOff>
    </xdr:from>
    <xdr:ext cx="7366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290800" y="137985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47625</xdr:rowOff>
    </xdr:from>
    <xdr:to>
      <xdr:col>74</xdr:col>
      <xdr:colOff>31750</xdr:colOff>
      <xdr:row>80</xdr:row>
      <xdr:rowOff>149225</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4732000" y="13763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34002</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4401800" y="1385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61925</xdr:rowOff>
    </xdr:from>
    <xdr:to>
      <xdr:col>69</xdr:col>
      <xdr:colOff>142875</xdr:colOff>
      <xdr:row>80</xdr:row>
      <xdr:rowOff>92075</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3843000" y="1370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76852</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512800" y="1379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41911</xdr:rowOff>
    </xdr:from>
    <xdr:to>
      <xdr:col>65</xdr:col>
      <xdr:colOff>53975</xdr:colOff>
      <xdr:row>79</xdr:row>
      <xdr:rowOff>143511</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2954000" y="1358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8288</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2623800" y="13672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8318</xdr:rowOff>
    </xdr:from>
    <xdr:to>
      <xdr:col>29</xdr:col>
      <xdr:colOff>127000</xdr:colOff>
      <xdr:row>20</xdr:row>
      <xdr:rowOff>123647</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84793"/>
          <a:ext cx="0" cy="131547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95724</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7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23647</xdr:rowOff>
    </xdr:from>
    <xdr:to>
      <xdr:col>30</xdr:col>
      <xdr:colOff>25400</xdr:colOff>
      <xdr:row>20</xdr:row>
      <xdr:rowOff>123647</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60027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9469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2028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8318</xdr:rowOff>
    </xdr:from>
    <xdr:to>
      <xdr:col>30</xdr:col>
      <xdr:colOff>25400</xdr:colOff>
      <xdr:row>13</xdr:row>
      <xdr:rowOff>831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8479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45085</xdr:rowOff>
    </xdr:from>
    <xdr:to>
      <xdr:col>29</xdr:col>
      <xdr:colOff>127000</xdr:colOff>
      <xdr:row>15</xdr:row>
      <xdr:rowOff>86004</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664460"/>
          <a:ext cx="647700" cy="409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0253</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9725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8176</xdr:rowOff>
    </xdr:from>
    <xdr:to>
      <xdr:col>29</xdr:col>
      <xdr:colOff>177800</xdr:colOff>
      <xdr:row>17</xdr:row>
      <xdr:rowOff>139776</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86004</xdr:rowOff>
    </xdr:from>
    <xdr:to>
      <xdr:col>26</xdr:col>
      <xdr:colOff>50800</xdr:colOff>
      <xdr:row>15</xdr:row>
      <xdr:rowOff>123304</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705379"/>
          <a:ext cx="698500" cy="373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7815</xdr:rowOff>
    </xdr:from>
    <xdr:to>
      <xdr:col>26</xdr:col>
      <xdr:colOff>101600</xdr:colOff>
      <xdr:row>17</xdr:row>
      <xdr:rowOff>14941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34192</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30964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23304</xdr:rowOff>
    </xdr:from>
    <xdr:to>
      <xdr:col>22</xdr:col>
      <xdr:colOff>114300</xdr:colOff>
      <xdr:row>15</xdr:row>
      <xdr:rowOff>12928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742679"/>
          <a:ext cx="698500" cy="59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1973</xdr:rowOff>
    </xdr:from>
    <xdr:to>
      <xdr:col>22</xdr:col>
      <xdr:colOff>165100</xdr:colOff>
      <xdr:row>18</xdr:row>
      <xdr:rowOff>22123</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6900</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140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24828</xdr:rowOff>
    </xdr:from>
    <xdr:to>
      <xdr:col>18</xdr:col>
      <xdr:colOff>177800</xdr:colOff>
      <xdr:row>15</xdr:row>
      <xdr:rowOff>129286</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2744203"/>
          <a:ext cx="698500" cy="44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6091</xdr:rowOff>
    </xdr:from>
    <xdr:to>
      <xdr:col>19</xdr:col>
      <xdr:colOff>38100</xdr:colOff>
      <xdr:row>18</xdr:row>
      <xdr:rowOff>46241</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31018</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164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83134</xdr:rowOff>
    </xdr:from>
    <xdr:to>
      <xdr:col>15</xdr:col>
      <xdr:colOff>101600</xdr:colOff>
      <xdr:row>18</xdr:row>
      <xdr:rowOff>13284</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454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69511</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131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165735</xdr:rowOff>
    </xdr:from>
    <xdr:to>
      <xdr:col>29</xdr:col>
      <xdr:colOff>177800</xdr:colOff>
      <xdr:row>15</xdr:row>
      <xdr:rowOff>95885</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6136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0812</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45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35204</xdr:rowOff>
    </xdr:from>
    <xdr:to>
      <xdr:col>26</xdr:col>
      <xdr:colOff>101600</xdr:colOff>
      <xdr:row>15</xdr:row>
      <xdr:rowOff>136804</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6545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46981</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4234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72504</xdr:rowOff>
    </xdr:from>
    <xdr:to>
      <xdr:col>22</xdr:col>
      <xdr:colOff>165100</xdr:colOff>
      <xdr:row>16</xdr:row>
      <xdr:rowOff>2654</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691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2831</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460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78486</xdr:rowOff>
    </xdr:from>
    <xdr:to>
      <xdr:col>19</xdr:col>
      <xdr:colOff>38100</xdr:colOff>
      <xdr:row>16</xdr:row>
      <xdr:rowOff>8636</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6978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8813</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46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74028</xdr:rowOff>
    </xdr:from>
    <xdr:to>
      <xdr:col>15</xdr:col>
      <xdr:colOff>101600</xdr:colOff>
      <xdr:row>16</xdr:row>
      <xdr:rowOff>4178</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6934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4355</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4622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41529</xdr:rowOff>
    </xdr:from>
    <xdr:to>
      <xdr:col>29</xdr:col>
      <xdr:colOff>127000</xdr:colOff>
      <xdr:row>37</xdr:row>
      <xdr:rowOff>244310</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166079"/>
          <a:ext cx="0" cy="120293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16387</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341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44310</xdr:rowOff>
    </xdr:from>
    <xdr:to>
      <xdr:col>30</xdr:col>
      <xdr:colOff>25400</xdr:colOff>
      <xdr:row>37</xdr:row>
      <xdr:rowOff>244310</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36901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56456</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909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41529</xdr:rowOff>
    </xdr:from>
    <xdr:to>
      <xdr:col>30</xdr:col>
      <xdr:colOff>25400</xdr:colOff>
      <xdr:row>33</xdr:row>
      <xdr:rowOff>241529</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16607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26162</xdr:rowOff>
    </xdr:from>
    <xdr:to>
      <xdr:col>29</xdr:col>
      <xdr:colOff>127000</xdr:colOff>
      <xdr:row>37</xdr:row>
      <xdr:rowOff>7633</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003800" y="7079412"/>
          <a:ext cx="647700" cy="529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97565</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7079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2488</xdr:rowOff>
    </xdr:from>
    <xdr:to>
      <xdr:col>29</xdr:col>
      <xdr:colOff>177800</xdr:colOff>
      <xdr:row>36</xdr:row>
      <xdr:rowOff>11188</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20256</xdr:rowOff>
    </xdr:from>
    <xdr:to>
      <xdr:col>26</xdr:col>
      <xdr:colOff>50800</xdr:colOff>
      <xdr:row>36</xdr:row>
      <xdr:rowOff>126162</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4305300" y="7073506"/>
          <a:ext cx="698500" cy="59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8854</xdr:rowOff>
    </xdr:from>
    <xdr:to>
      <xdr:col>26</xdr:col>
      <xdr:colOff>101600</xdr:colOff>
      <xdr:row>36</xdr:row>
      <xdr:rowOff>37554</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7731</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6580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20256</xdr:rowOff>
    </xdr:from>
    <xdr:to>
      <xdr:col>22</xdr:col>
      <xdr:colOff>114300</xdr:colOff>
      <xdr:row>36</xdr:row>
      <xdr:rowOff>171234</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3606800" y="7073506"/>
          <a:ext cx="698500" cy="509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67348</xdr:rowOff>
    </xdr:from>
    <xdr:to>
      <xdr:col>22</xdr:col>
      <xdr:colOff>165100</xdr:colOff>
      <xdr:row>36</xdr:row>
      <xdr:rowOff>26048</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6225</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71234</xdr:rowOff>
    </xdr:from>
    <xdr:to>
      <xdr:col>18</xdr:col>
      <xdr:colOff>177800</xdr:colOff>
      <xdr:row>37</xdr:row>
      <xdr:rowOff>28321</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2908300" y="7124484"/>
          <a:ext cx="698500" cy="285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9044</xdr:rowOff>
    </xdr:from>
    <xdr:to>
      <xdr:col>19</xdr:col>
      <xdr:colOff>38100</xdr:colOff>
      <xdr:row>36</xdr:row>
      <xdr:rowOff>37744</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7921</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4548</xdr:rowOff>
    </xdr:from>
    <xdr:to>
      <xdr:col>15</xdr:col>
      <xdr:colOff>101600</xdr:colOff>
      <xdr:row>36</xdr:row>
      <xdr:rowOff>33248</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3425</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653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28283</xdr:rowOff>
    </xdr:from>
    <xdr:to>
      <xdr:col>29</xdr:col>
      <xdr:colOff>177800</xdr:colOff>
      <xdr:row>37</xdr:row>
      <xdr:rowOff>58433</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70815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00360</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7053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75362</xdr:rowOff>
    </xdr:from>
    <xdr:to>
      <xdr:col>26</xdr:col>
      <xdr:colOff>101600</xdr:colOff>
      <xdr:row>37</xdr:row>
      <xdr:rowOff>5512</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70286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61739</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114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69456</xdr:rowOff>
    </xdr:from>
    <xdr:to>
      <xdr:col>22</xdr:col>
      <xdr:colOff>165100</xdr:colOff>
      <xdr:row>36</xdr:row>
      <xdr:rowOff>171056</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70227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55833</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7109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20434</xdr:rowOff>
    </xdr:from>
    <xdr:to>
      <xdr:col>19</xdr:col>
      <xdr:colOff>38100</xdr:colOff>
      <xdr:row>37</xdr:row>
      <xdr:rowOff>50584</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70736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5361</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160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48971</xdr:rowOff>
    </xdr:from>
    <xdr:to>
      <xdr:col>15</xdr:col>
      <xdr:colOff>101600</xdr:colOff>
      <xdr:row>37</xdr:row>
      <xdr:rowOff>79121</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71022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63898</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188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1
175,421
39.66
69,868,970
64,948,417
4,560,901
36,532,544
31,933,37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47052</xdr:rowOff>
    </xdr:from>
    <xdr:to>
      <xdr:col>24</xdr:col>
      <xdr:colOff>62865</xdr:colOff>
      <xdr:row>38</xdr:row>
      <xdr:rowOff>110896</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362002"/>
          <a:ext cx="1270" cy="12639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14723</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629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0896</xdr:rowOff>
    </xdr:from>
    <xdr:to>
      <xdr:col>24</xdr:col>
      <xdr:colOff>152400</xdr:colOff>
      <xdr:row>38</xdr:row>
      <xdr:rowOff>11089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625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65179</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137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47052</xdr:rowOff>
    </xdr:from>
    <xdr:to>
      <xdr:col>24</xdr:col>
      <xdr:colOff>152400</xdr:colOff>
      <xdr:row>31</xdr:row>
      <xdr:rowOff>47052</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3620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52698</xdr:rowOff>
    </xdr:from>
    <xdr:to>
      <xdr:col>24</xdr:col>
      <xdr:colOff>63500</xdr:colOff>
      <xdr:row>33</xdr:row>
      <xdr:rowOff>80101</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5639098"/>
          <a:ext cx="838200" cy="98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1803</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0225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3376</xdr:rowOff>
    </xdr:from>
    <xdr:to>
      <xdr:col>24</xdr:col>
      <xdr:colOff>114300</xdr:colOff>
      <xdr:row>35</xdr:row>
      <xdr:rowOff>144976</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46072</xdr:rowOff>
    </xdr:from>
    <xdr:to>
      <xdr:col>19</xdr:col>
      <xdr:colOff>177800</xdr:colOff>
      <xdr:row>33</xdr:row>
      <xdr:rowOff>80101</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a:off x="2908300" y="5703922"/>
          <a:ext cx="889000" cy="34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7908</xdr:rowOff>
    </xdr:from>
    <xdr:to>
      <xdr:col>20</xdr:col>
      <xdr:colOff>38100</xdr:colOff>
      <xdr:row>35</xdr:row>
      <xdr:rowOff>159508</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0635</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15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21285</xdr:rowOff>
    </xdr:from>
    <xdr:to>
      <xdr:col>15</xdr:col>
      <xdr:colOff>50800</xdr:colOff>
      <xdr:row>33</xdr:row>
      <xdr:rowOff>46072</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a:off x="2019300" y="5679135"/>
          <a:ext cx="889000" cy="24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33220</xdr:rowOff>
    </xdr:from>
    <xdr:to>
      <xdr:col>15</xdr:col>
      <xdr:colOff>101600</xdr:colOff>
      <xdr:row>36</xdr:row>
      <xdr:rowOff>134820</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25947</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298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21285</xdr:rowOff>
    </xdr:from>
    <xdr:to>
      <xdr:col>10</xdr:col>
      <xdr:colOff>114300</xdr:colOff>
      <xdr:row>33</xdr:row>
      <xdr:rowOff>160405</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5679135"/>
          <a:ext cx="889000" cy="139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7367</xdr:rowOff>
    </xdr:from>
    <xdr:to>
      <xdr:col>10</xdr:col>
      <xdr:colOff>165100</xdr:colOff>
      <xdr:row>36</xdr:row>
      <xdr:rowOff>138967</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0094</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302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6094</xdr:rowOff>
    </xdr:from>
    <xdr:to>
      <xdr:col>6</xdr:col>
      <xdr:colOff>38100</xdr:colOff>
      <xdr:row>36</xdr:row>
      <xdr:rowOff>137694</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208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28821</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30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01898</xdr:rowOff>
    </xdr:from>
    <xdr:to>
      <xdr:col>24</xdr:col>
      <xdr:colOff>114300</xdr:colOff>
      <xdr:row>33</xdr:row>
      <xdr:rowOff>32048</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588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24775</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439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29301</xdr:rowOff>
    </xdr:from>
    <xdr:to>
      <xdr:col>20</xdr:col>
      <xdr:colOff>38100</xdr:colOff>
      <xdr:row>33</xdr:row>
      <xdr:rowOff>130901</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568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147428</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462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66722</xdr:rowOff>
    </xdr:from>
    <xdr:to>
      <xdr:col>15</xdr:col>
      <xdr:colOff>101600</xdr:colOff>
      <xdr:row>33</xdr:row>
      <xdr:rowOff>9687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5653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113399</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428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41935</xdr:rowOff>
    </xdr:from>
    <xdr:to>
      <xdr:col>10</xdr:col>
      <xdr:colOff>165100</xdr:colOff>
      <xdr:row>33</xdr:row>
      <xdr:rowOff>7208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5628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8861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403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9605</xdr:rowOff>
    </xdr:from>
    <xdr:to>
      <xdr:col>6</xdr:col>
      <xdr:colOff>38100</xdr:colOff>
      <xdr:row>34</xdr:row>
      <xdr:rowOff>39755</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5767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56282</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542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45624</xdr:rowOff>
    </xdr:from>
    <xdr:to>
      <xdr:col>24</xdr:col>
      <xdr:colOff>62865</xdr:colOff>
      <xdr:row>59</xdr:row>
      <xdr:rowOff>104324</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718124"/>
          <a:ext cx="1270" cy="1501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08151</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223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04324</xdr:rowOff>
    </xdr:from>
    <xdr:to>
      <xdr:col>24</xdr:col>
      <xdr:colOff>152400</xdr:colOff>
      <xdr:row>59</xdr:row>
      <xdr:rowOff>104324</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219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2301</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493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45624</xdr:rowOff>
    </xdr:from>
    <xdr:to>
      <xdr:col>24</xdr:col>
      <xdr:colOff>152400</xdr:colOff>
      <xdr:row>50</xdr:row>
      <xdr:rowOff>145624</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718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01200</xdr:rowOff>
    </xdr:from>
    <xdr:to>
      <xdr:col>24</xdr:col>
      <xdr:colOff>63500</xdr:colOff>
      <xdr:row>57</xdr:row>
      <xdr:rowOff>10941</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530950"/>
          <a:ext cx="838200" cy="252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63777</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5935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900</xdr:rowOff>
    </xdr:from>
    <xdr:to>
      <xdr:col>24</xdr:col>
      <xdr:colOff>114300</xdr:colOff>
      <xdr:row>56</xdr:row>
      <xdr:rowOff>115500</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941</xdr:rowOff>
    </xdr:from>
    <xdr:to>
      <xdr:col>19</xdr:col>
      <xdr:colOff>177800</xdr:colOff>
      <xdr:row>57</xdr:row>
      <xdr:rowOff>42755</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783591"/>
          <a:ext cx="889000" cy="31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5005</xdr:rowOff>
    </xdr:from>
    <xdr:to>
      <xdr:col>20</xdr:col>
      <xdr:colOff>38100</xdr:colOff>
      <xdr:row>57</xdr:row>
      <xdr:rowOff>116605</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07732</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42755</xdr:rowOff>
    </xdr:from>
    <xdr:to>
      <xdr:col>15</xdr:col>
      <xdr:colOff>50800</xdr:colOff>
      <xdr:row>57</xdr:row>
      <xdr:rowOff>86817</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815405"/>
          <a:ext cx="889000" cy="44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7605</xdr:rowOff>
    </xdr:from>
    <xdr:to>
      <xdr:col>15</xdr:col>
      <xdr:colOff>101600</xdr:colOff>
      <xdr:row>58</xdr:row>
      <xdr:rowOff>1775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888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6817</xdr:rowOff>
    </xdr:from>
    <xdr:to>
      <xdr:col>10</xdr:col>
      <xdr:colOff>114300</xdr:colOff>
      <xdr:row>57</xdr:row>
      <xdr:rowOff>138481</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859467"/>
          <a:ext cx="889000" cy="51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40297</xdr:rowOff>
    </xdr:from>
    <xdr:to>
      <xdr:col>10</xdr:col>
      <xdr:colOff>165100</xdr:colOff>
      <xdr:row>58</xdr:row>
      <xdr:rowOff>7044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61574</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10005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4132</xdr:rowOff>
    </xdr:from>
    <xdr:to>
      <xdr:col>6</xdr:col>
      <xdr:colOff>38100</xdr:colOff>
      <xdr:row>57</xdr:row>
      <xdr:rowOff>145732</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816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2259</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592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50400</xdr:rowOff>
    </xdr:from>
    <xdr:to>
      <xdr:col>24</xdr:col>
      <xdr:colOff>114300</xdr:colOff>
      <xdr:row>55</xdr:row>
      <xdr:rowOff>15200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480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73277</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331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31591</xdr:rowOff>
    </xdr:from>
    <xdr:to>
      <xdr:col>20</xdr:col>
      <xdr:colOff>38100</xdr:colOff>
      <xdr:row>57</xdr:row>
      <xdr:rowOff>61741</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732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78268</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508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63405</xdr:rowOff>
    </xdr:from>
    <xdr:to>
      <xdr:col>15</xdr:col>
      <xdr:colOff>101600</xdr:colOff>
      <xdr:row>57</xdr:row>
      <xdr:rowOff>93555</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764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10082</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539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6017</xdr:rowOff>
    </xdr:from>
    <xdr:to>
      <xdr:col>10</xdr:col>
      <xdr:colOff>165100</xdr:colOff>
      <xdr:row>57</xdr:row>
      <xdr:rowOff>137617</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808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4144</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58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7681</xdr:rowOff>
    </xdr:from>
    <xdr:to>
      <xdr:col>6</xdr:col>
      <xdr:colOff>38100</xdr:colOff>
      <xdr:row>58</xdr:row>
      <xdr:rowOff>17831</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860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958</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9953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59233</xdr:rowOff>
    </xdr:from>
    <xdr:to>
      <xdr:col>24</xdr:col>
      <xdr:colOff>62865</xdr:colOff>
      <xdr:row>78</xdr:row>
      <xdr:rowOff>99924</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060733"/>
          <a:ext cx="1270" cy="1412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3751</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768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9924</xdr:rowOff>
    </xdr:from>
    <xdr:to>
      <xdr:col>24</xdr:col>
      <xdr:colOff>152400</xdr:colOff>
      <xdr:row>78</xdr:row>
      <xdr:rowOff>99924</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73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5910</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835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59233</xdr:rowOff>
    </xdr:from>
    <xdr:to>
      <xdr:col>24</xdr:col>
      <xdr:colOff>152400</xdr:colOff>
      <xdr:row>70</xdr:row>
      <xdr:rowOff>59233</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060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5885</xdr:rowOff>
    </xdr:from>
    <xdr:to>
      <xdr:col>24</xdr:col>
      <xdr:colOff>63500</xdr:colOff>
      <xdr:row>78</xdr:row>
      <xdr:rowOff>37196</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a:off x="3797300" y="13357535"/>
          <a:ext cx="838200" cy="52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311</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30305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8884</xdr:rowOff>
    </xdr:from>
    <xdr:to>
      <xdr:col>24</xdr:col>
      <xdr:colOff>114300</xdr:colOff>
      <xdr:row>77</xdr:row>
      <xdr:rowOff>79034</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5369</xdr:rowOff>
    </xdr:from>
    <xdr:to>
      <xdr:col>19</xdr:col>
      <xdr:colOff>177800</xdr:colOff>
      <xdr:row>77</xdr:row>
      <xdr:rowOff>155885</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2908300" y="13347019"/>
          <a:ext cx="889000" cy="1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56383</xdr:rowOff>
    </xdr:from>
    <xdr:to>
      <xdr:col>20</xdr:col>
      <xdr:colOff>38100</xdr:colOff>
      <xdr:row>77</xdr:row>
      <xdr:rowOff>86533</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03060</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28270</xdr:rowOff>
    </xdr:from>
    <xdr:to>
      <xdr:col>15</xdr:col>
      <xdr:colOff>50800</xdr:colOff>
      <xdr:row>77</xdr:row>
      <xdr:rowOff>145369</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329920"/>
          <a:ext cx="889000" cy="17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8304</xdr:rowOff>
    </xdr:from>
    <xdr:to>
      <xdr:col>15</xdr:col>
      <xdr:colOff>101600</xdr:colOff>
      <xdr:row>77</xdr:row>
      <xdr:rowOff>88454</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4980</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7022</xdr:rowOff>
    </xdr:from>
    <xdr:to>
      <xdr:col>10</xdr:col>
      <xdr:colOff>114300</xdr:colOff>
      <xdr:row>77</xdr:row>
      <xdr:rowOff>128270</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a:off x="1130300" y="13318672"/>
          <a:ext cx="889000" cy="11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65069</xdr:rowOff>
    </xdr:from>
    <xdr:to>
      <xdr:col>10</xdr:col>
      <xdr:colOff>165100</xdr:colOff>
      <xdr:row>77</xdr:row>
      <xdr:rowOff>95219</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11747</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5593</xdr:rowOff>
    </xdr:from>
    <xdr:to>
      <xdr:col>6</xdr:col>
      <xdr:colOff>38100</xdr:colOff>
      <xdr:row>77</xdr:row>
      <xdr:rowOff>75743</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17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92270</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2951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7846</xdr:rowOff>
    </xdr:from>
    <xdr:to>
      <xdr:col>24</xdr:col>
      <xdr:colOff>114300</xdr:colOff>
      <xdr:row>78</xdr:row>
      <xdr:rowOff>87996</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359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2773</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274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05085</xdr:rowOff>
    </xdr:from>
    <xdr:to>
      <xdr:col>20</xdr:col>
      <xdr:colOff>38100</xdr:colOff>
      <xdr:row>78</xdr:row>
      <xdr:rowOff>35235</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306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26362</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399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94569</xdr:rowOff>
    </xdr:from>
    <xdr:to>
      <xdr:col>15</xdr:col>
      <xdr:colOff>101600</xdr:colOff>
      <xdr:row>78</xdr:row>
      <xdr:rowOff>2471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296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5846</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3388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77470</xdr:rowOff>
    </xdr:from>
    <xdr:to>
      <xdr:col>10</xdr:col>
      <xdr:colOff>165100</xdr:colOff>
      <xdr:row>78</xdr:row>
      <xdr:rowOff>7620</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27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70197</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37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6222</xdr:rowOff>
    </xdr:from>
    <xdr:to>
      <xdr:col>6</xdr:col>
      <xdr:colOff>38100</xdr:colOff>
      <xdr:row>77</xdr:row>
      <xdr:rowOff>167822</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267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58949</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3360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5599</xdr:rowOff>
    </xdr:from>
    <xdr:to>
      <xdr:col>24</xdr:col>
      <xdr:colOff>62865</xdr:colOff>
      <xdr:row>97</xdr:row>
      <xdr:rowOff>25498</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466099"/>
          <a:ext cx="1270" cy="1190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9325</xdr:rowOff>
    </xdr:from>
    <xdr:ext cx="534377"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659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25498</xdr:rowOff>
    </xdr:from>
    <xdr:to>
      <xdr:col>24</xdr:col>
      <xdr:colOff>152400</xdr:colOff>
      <xdr:row>97</xdr:row>
      <xdr:rowOff>25498</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656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3726</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2413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35599</xdr:rowOff>
    </xdr:from>
    <xdr:to>
      <xdr:col>24</xdr:col>
      <xdr:colOff>152400</xdr:colOff>
      <xdr:row>90</xdr:row>
      <xdr:rowOff>35599</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466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3426</xdr:rowOff>
    </xdr:from>
    <xdr:to>
      <xdr:col>24</xdr:col>
      <xdr:colOff>63500</xdr:colOff>
      <xdr:row>98</xdr:row>
      <xdr:rowOff>56273</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644076"/>
          <a:ext cx="838200" cy="214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58847</xdr:rowOff>
    </xdr:from>
    <xdr:ext cx="599010"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1036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5970</xdr:rowOff>
    </xdr:from>
    <xdr:to>
      <xdr:col>24</xdr:col>
      <xdr:colOff>114300</xdr:colOff>
      <xdr:row>95</xdr:row>
      <xdr:rowOff>66120</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25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56273</xdr:rowOff>
    </xdr:from>
    <xdr:to>
      <xdr:col>19</xdr:col>
      <xdr:colOff>177800</xdr:colOff>
      <xdr:row>98</xdr:row>
      <xdr:rowOff>90497</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858373"/>
          <a:ext cx="889000" cy="34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7414</xdr:rowOff>
    </xdr:from>
    <xdr:to>
      <xdr:col>20</xdr:col>
      <xdr:colOff>38100</xdr:colOff>
      <xdr:row>96</xdr:row>
      <xdr:rowOff>149014</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50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65541</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497795" y="16281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0497</xdr:rowOff>
    </xdr:from>
    <xdr:to>
      <xdr:col>15</xdr:col>
      <xdr:colOff>50800</xdr:colOff>
      <xdr:row>98</xdr:row>
      <xdr:rowOff>133223</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6892597"/>
          <a:ext cx="889000" cy="42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2659</xdr:rowOff>
    </xdr:from>
    <xdr:to>
      <xdr:col>15</xdr:col>
      <xdr:colOff>101600</xdr:colOff>
      <xdr:row>97</xdr:row>
      <xdr:rowOff>32809</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561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49336</xdr:rowOff>
    </xdr:from>
    <xdr:ext cx="59901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08795" y="163370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33223</xdr:rowOff>
    </xdr:from>
    <xdr:to>
      <xdr:col>10</xdr:col>
      <xdr:colOff>114300</xdr:colOff>
      <xdr:row>98</xdr:row>
      <xdr:rowOff>147038</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6935323"/>
          <a:ext cx="889000" cy="1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6882</xdr:rowOff>
    </xdr:from>
    <xdr:to>
      <xdr:col>10</xdr:col>
      <xdr:colOff>165100</xdr:colOff>
      <xdr:row>97</xdr:row>
      <xdr:rowOff>87032</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616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03559</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52111" y="16391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871</xdr:rowOff>
    </xdr:from>
    <xdr:to>
      <xdr:col>6</xdr:col>
      <xdr:colOff>38100</xdr:colOff>
      <xdr:row>97</xdr:row>
      <xdr:rowOff>105471</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634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21998</xdr:rowOff>
    </xdr:from>
    <xdr:ext cx="534377"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63111" y="16409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4076</xdr:rowOff>
    </xdr:from>
    <xdr:to>
      <xdr:col>24</xdr:col>
      <xdr:colOff>114300</xdr:colOff>
      <xdr:row>97</xdr:row>
      <xdr:rowOff>64226</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59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9003</xdr:rowOff>
    </xdr:from>
    <xdr:ext cx="534377"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508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5473</xdr:rowOff>
    </xdr:from>
    <xdr:to>
      <xdr:col>20</xdr:col>
      <xdr:colOff>38100</xdr:colOff>
      <xdr:row>98</xdr:row>
      <xdr:rowOff>107073</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807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8200</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530111" y="16900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39697</xdr:rowOff>
    </xdr:from>
    <xdr:to>
      <xdr:col>15</xdr:col>
      <xdr:colOff>101600</xdr:colOff>
      <xdr:row>98</xdr:row>
      <xdr:rowOff>141297</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841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2424</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41111" y="16934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82423</xdr:rowOff>
    </xdr:from>
    <xdr:to>
      <xdr:col>10</xdr:col>
      <xdr:colOff>165100</xdr:colOff>
      <xdr:row>99</xdr:row>
      <xdr:rowOff>12573</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6884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3700</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52111" y="16977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6238</xdr:rowOff>
    </xdr:from>
    <xdr:to>
      <xdr:col>6</xdr:col>
      <xdr:colOff>38100</xdr:colOff>
      <xdr:row>99</xdr:row>
      <xdr:rowOff>26388</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6898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7515</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63111" y="16991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50307</xdr:rowOff>
    </xdr:from>
    <xdr:to>
      <xdr:col>54</xdr:col>
      <xdr:colOff>189865</xdr:colOff>
      <xdr:row>38</xdr:row>
      <xdr:rowOff>116818</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6051057"/>
          <a:ext cx="1270" cy="580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20645</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635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16818</xdr:rowOff>
    </xdr:from>
    <xdr:to>
      <xdr:col>55</xdr:col>
      <xdr:colOff>88900</xdr:colOff>
      <xdr:row>38</xdr:row>
      <xdr:rowOff>116818</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631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68434</xdr:rowOff>
    </xdr:from>
    <xdr:ext cx="534377"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826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50307</xdr:rowOff>
    </xdr:from>
    <xdr:to>
      <xdr:col>55</xdr:col>
      <xdr:colOff>88900</xdr:colOff>
      <xdr:row>35</xdr:row>
      <xdr:rowOff>50307</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6051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22254</xdr:rowOff>
    </xdr:from>
    <xdr:to>
      <xdr:col>55</xdr:col>
      <xdr:colOff>0</xdr:colOff>
      <xdr:row>37</xdr:row>
      <xdr:rowOff>116611</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5337204"/>
          <a:ext cx="838200" cy="1123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851</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1870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3424</xdr:rowOff>
    </xdr:from>
    <xdr:to>
      <xdr:col>55</xdr:col>
      <xdr:colOff>50800</xdr:colOff>
      <xdr:row>37</xdr:row>
      <xdr:rowOff>93574</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2254</xdr:rowOff>
    </xdr:from>
    <xdr:to>
      <xdr:col>50</xdr:col>
      <xdr:colOff>114300</xdr:colOff>
      <xdr:row>37</xdr:row>
      <xdr:rowOff>148202</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5337204"/>
          <a:ext cx="889000" cy="1154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89292</xdr:rowOff>
    </xdr:from>
    <xdr:to>
      <xdr:col>50</xdr:col>
      <xdr:colOff>165100</xdr:colOff>
      <xdr:row>31</xdr:row>
      <xdr:rowOff>19442</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35969</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39795" y="5008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8202</xdr:rowOff>
    </xdr:from>
    <xdr:to>
      <xdr:col>45</xdr:col>
      <xdr:colOff>177800</xdr:colOff>
      <xdr:row>38</xdr:row>
      <xdr:rowOff>160361</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7861300" y="6491852"/>
          <a:ext cx="889000" cy="183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72865</xdr:rowOff>
    </xdr:from>
    <xdr:to>
      <xdr:col>46</xdr:col>
      <xdr:colOff>38100</xdr:colOff>
      <xdr:row>38</xdr:row>
      <xdr:rowOff>3015</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9542</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191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44294</xdr:rowOff>
    </xdr:from>
    <xdr:to>
      <xdr:col>41</xdr:col>
      <xdr:colOff>50800</xdr:colOff>
      <xdr:row>38</xdr:row>
      <xdr:rowOff>160361</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a:off x="6972300" y="6659394"/>
          <a:ext cx="889000" cy="16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7158</xdr:rowOff>
    </xdr:from>
    <xdr:to>
      <xdr:col>41</xdr:col>
      <xdr:colOff>101600</xdr:colOff>
      <xdr:row>38</xdr:row>
      <xdr:rowOff>17308</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33835</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206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8077</xdr:rowOff>
    </xdr:from>
    <xdr:to>
      <xdr:col>36</xdr:col>
      <xdr:colOff>165100</xdr:colOff>
      <xdr:row>38</xdr:row>
      <xdr:rowOff>28226</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44172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4754</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216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5811</xdr:rowOff>
    </xdr:from>
    <xdr:to>
      <xdr:col>55</xdr:col>
      <xdr:colOff>50800</xdr:colOff>
      <xdr:row>37</xdr:row>
      <xdr:rowOff>167411</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409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4238</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387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42904</xdr:rowOff>
    </xdr:from>
    <xdr:to>
      <xdr:col>50</xdr:col>
      <xdr:colOff>165100</xdr:colOff>
      <xdr:row>31</xdr:row>
      <xdr:rowOff>73054</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5286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64181</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39795" y="5379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7402</xdr:rowOff>
    </xdr:from>
    <xdr:to>
      <xdr:col>46</xdr:col>
      <xdr:colOff>38100</xdr:colOff>
      <xdr:row>38</xdr:row>
      <xdr:rowOff>27552</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44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8679</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533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09561</xdr:rowOff>
    </xdr:from>
    <xdr:to>
      <xdr:col>41</xdr:col>
      <xdr:colOff>101600</xdr:colOff>
      <xdr:row>39</xdr:row>
      <xdr:rowOff>39711</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624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30838</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594111" y="6717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93494</xdr:rowOff>
    </xdr:from>
    <xdr:to>
      <xdr:col>36</xdr:col>
      <xdr:colOff>165100</xdr:colOff>
      <xdr:row>39</xdr:row>
      <xdr:rowOff>23644</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60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4771</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6701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a:extLst>
            <a:ext uri="{FF2B5EF4-FFF2-40B4-BE49-F238E27FC236}">
              <a16:creationId xmlns:a16="http://schemas.microsoft.com/office/drawing/2014/main" id="{00000000-0008-0000-0600-00005A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03810</xdr:rowOff>
    </xdr:from>
    <xdr:to>
      <xdr:col>54</xdr:col>
      <xdr:colOff>189865</xdr:colOff>
      <xdr:row>57</xdr:row>
      <xdr:rowOff>132918</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flipV="1">
          <a:off x="10475595" y="8676310"/>
          <a:ext cx="1270" cy="1229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36745</xdr:rowOff>
    </xdr:from>
    <xdr:ext cx="534377" cy="259045"/>
    <xdr:sp macro="" textlink="">
      <xdr:nvSpPr>
        <xdr:cNvPr id="348" name="普通建設事業費最小値テキスト">
          <a:extLst>
            <a:ext uri="{FF2B5EF4-FFF2-40B4-BE49-F238E27FC236}">
              <a16:creationId xmlns:a16="http://schemas.microsoft.com/office/drawing/2014/main" id="{00000000-0008-0000-0600-00005C010000}"/>
            </a:ext>
          </a:extLst>
        </xdr:cNvPr>
        <xdr:cNvSpPr txBox="1"/>
      </xdr:nvSpPr>
      <xdr:spPr>
        <a:xfrm>
          <a:off x="10528300" y="990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32918</xdr:rowOff>
    </xdr:from>
    <xdr:to>
      <xdr:col>55</xdr:col>
      <xdr:colOff>88900</xdr:colOff>
      <xdr:row>57</xdr:row>
      <xdr:rowOff>132918</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9905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50487</xdr:rowOff>
    </xdr:from>
    <xdr:ext cx="534377" cy="259045"/>
    <xdr:sp macro="" textlink="">
      <xdr:nvSpPr>
        <xdr:cNvPr id="350" name="普通建設事業費最大値テキスト">
          <a:extLst>
            <a:ext uri="{FF2B5EF4-FFF2-40B4-BE49-F238E27FC236}">
              <a16:creationId xmlns:a16="http://schemas.microsoft.com/office/drawing/2014/main" id="{00000000-0008-0000-0600-00005E010000}"/>
            </a:ext>
          </a:extLst>
        </xdr:cNvPr>
        <xdr:cNvSpPr txBox="1"/>
      </xdr:nvSpPr>
      <xdr:spPr>
        <a:xfrm>
          <a:off x="10528300" y="8451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03810</xdr:rowOff>
    </xdr:from>
    <xdr:to>
      <xdr:col>55</xdr:col>
      <xdr:colOff>88900</xdr:colOff>
      <xdr:row>50</xdr:row>
      <xdr:rowOff>103810</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8676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31648</xdr:rowOff>
    </xdr:from>
    <xdr:to>
      <xdr:col>55</xdr:col>
      <xdr:colOff>0</xdr:colOff>
      <xdr:row>57</xdr:row>
      <xdr:rowOff>116859</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9639300" y="9632848"/>
          <a:ext cx="838200" cy="256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3</xdr:row>
      <xdr:rowOff>139095</xdr:rowOff>
    </xdr:from>
    <xdr:ext cx="534377" cy="259045"/>
    <xdr:sp macro="" textlink="">
      <xdr:nvSpPr>
        <xdr:cNvPr id="353" name="普通建設事業費平均値テキスト">
          <a:extLst>
            <a:ext uri="{FF2B5EF4-FFF2-40B4-BE49-F238E27FC236}">
              <a16:creationId xmlns:a16="http://schemas.microsoft.com/office/drawing/2014/main" id="{00000000-0008-0000-0600-000061010000}"/>
            </a:ext>
          </a:extLst>
        </xdr:cNvPr>
        <xdr:cNvSpPr txBox="1"/>
      </xdr:nvSpPr>
      <xdr:spPr>
        <a:xfrm>
          <a:off x="10528300" y="92259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116218</xdr:rowOff>
    </xdr:from>
    <xdr:to>
      <xdr:col>55</xdr:col>
      <xdr:colOff>50800</xdr:colOff>
      <xdr:row>55</xdr:row>
      <xdr:rowOff>46368</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10426700" y="9374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31648</xdr:rowOff>
    </xdr:from>
    <xdr:to>
      <xdr:col>50</xdr:col>
      <xdr:colOff>114300</xdr:colOff>
      <xdr:row>56</xdr:row>
      <xdr:rowOff>71920</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8750300" y="9632848"/>
          <a:ext cx="889000" cy="40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103740</xdr:rowOff>
    </xdr:from>
    <xdr:to>
      <xdr:col>50</xdr:col>
      <xdr:colOff>165100</xdr:colOff>
      <xdr:row>55</xdr:row>
      <xdr:rowOff>33890</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9588500" y="9362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50417</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9372111" y="9137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53366</xdr:rowOff>
    </xdr:from>
    <xdr:to>
      <xdr:col>45</xdr:col>
      <xdr:colOff>177800</xdr:colOff>
      <xdr:row>56</xdr:row>
      <xdr:rowOff>71920</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a:off x="7861300" y="9654566"/>
          <a:ext cx="889000" cy="18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133782</xdr:rowOff>
    </xdr:from>
    <xdr:to>
      <xdr:col>46</xdr:col>
      <xdr:colOff>38100</xdr:colOff>
      <xdr:row>55</xdr:row>
      <xdr:rowOff>63932</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8699500" y="9392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80459</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8483111" y="9167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160579</xdr:rowOff>
    </xdr:from>
    <xdr:to>
      <xdr:col>41</xdr:col>
      <xdr:colOff>50800</xdr:colOff>
      <xdr:row>56</xdr:row>
      <xdr:rowOff>53366</xdr:rowOff>
    </xdr:to>
    <xdr:cxnSp macro="">
      <xdr:nvCxnSpPr>
        <xdr:cNvPr id="361" name="直線コネクタ 360">
          <a:extLst>
            <a:ext uri="{FF2B5EF4-FFF2-40B4-BE49-F238E27FC236}">
              <a16:creationId xmlns:a16="http://schemas.microsoft.com/office/drawing/2014/main" id="{00000000-0008-0000-0600-000069010000}"/>
            </a:ext>
          </a:extLst>
        </xdr:cNvPr>
        <xdr:cNvCxnSpPr/>
      </xdr:nvCxnSpPr>
      <xdr:spPr>
        <a:xfrm>
          <a:off x="6972300" y="9418879"/>
          <a:ext cx="889000" cy="235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47504</xdr:rowOff>
    </xdr:from>
    <xdr:to>
      <xdr:col>41</xdr:col>
      <xdr:colOff>101600</xdr:colOff>
      <xdr:row>55</xdr:row>
      <xdr:rowOff>149104</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7810500" y="9477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65631</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7594111" y="925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68326</xdr:rowOff>
    </xdr:from>
    <xdr:to>
      <xdr:col>36</xdr:col>
      <xdr:colOff>165100</xdr:colOff>
      <xdr:row>54</xdr:row>
      <xdr:rowOff>169926</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6921500" y="932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15003</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6705111" y="9101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6059</xdr:rowOff>
    </xdr:from>
    <xdr:to>
      <xdr:col>55</xdr:col>
      <xdr:colOff>50800</xdr:colOff>
      <xdr:row>57</xdr:row>
      <xdr:rowOff>167659</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10426700" y="9838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2436</xdr:rowOff>
    </xdr:from>
    <xdr:ext cx="534377" cy="259045"/>
    <xdr:sp macro="" textlink="">
      <xdr:nvSpPr>
        <xdr:cNvPr id="372" name="普通建設事業費該当値テキスト">
          <a:extLst>
            <a:ext uri="{FF2B5EF4-FFF2-40B4-BE49-F238E27FC236}">
              <a16:creationId xmlns:a16="http://schemas.microsoft.com/office/drawing/2014/main" id="{00000000-0008-0000-0600-000074010000}"/>
            </a:ext>
          </a:extLst>
        </xdr:cNvPr>
        <xdr:cNvSpPr txBox="1"/>
      </xdr:nvSpPr>
      <xdr:spPr>
        <a:xfrm>
          <a:off x="10528300" y="9753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52298</xdr:rowOff>
    </xdr:from>
    <xdr:to>
      <xdr:col>50</xdr:col>
      <xdr:colOff>165100</xdr:colOff>
      <xdr:row>56</xdr:row>
      <xdr:rowOff>82448</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9588500" y="9582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73575</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9372111" y="9674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21120</xdr:rowOff>
    </xdr:from>
    <xdr:to>
      <xdr:col>46</xdr:col>
      <xdr:colOff>38100</xdr:colOff>
      <xdr:row>56</xdr:row>
      <xdr:rowOff>122720</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8699500" y="962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13847</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8483111" y="9715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2566</xdr:rowOff>
    </xdr:from>
    <xdr:to>
      <xdr:col>41</xdr:col>
      <xdr:colOff>101600</xdr:colOff>
      <xdr:row>56</xdr:row>
      <xdr:rowOff>104166</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7810500" y="960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95293</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7594111" y="9696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09779</xdr:rowOff>
    </xdr:from>
    <xdr:to>
      <xdr:col>36</xdr:col>
      <xdr:colOff>165100</xdr:colOff>
      <xdr:row>55</xdr:row>
      <xdr:rowOff>39929</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6921500" y="9368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31056</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705111" y="9460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35608</xdr:rowOff>
    </xdr:from>
    <xdr:to>
      <xdr:col>54</xdr:col>
      <xdr:colOff>189865</xdr:colOff>
      <xdr:row>78</xdr:row>
      <xdr:rowOff>127355</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308558"/>
          <a:ext cx="1270" cy="1191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1182</xdr:rowOff>
    </xdr:from>
    <xdr:ext cx="378565"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5042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7355</xdr:rowOff>
    </xdr:from>
    <xdr:to>
      <xdr:col>55</xdr:col>
      <xdr:colOff>88900</xdr:colOff>
      <xdr:row>78</xdr:row>
      <xdr:rowOff>127355</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500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2285</xdr:rowOff>
    </xdr:from>
    <xdr:ext cx="534377"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2083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35608</xdr:rowOff>
    </xdr:from>
    <xdr:to>
      <xdr:col>55</xdr:col>
      <xdr:colOff>88900</xdr:colOff>
      <xdr:row>71</xdr:row>
      <xdr:rowOff>135608</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308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22428</xdr:rowOff>
    </xdr:from>
    <xdr:to>
      <xdr:col>55</xdr:col>
      <xdr:colOff>0</xdr:colOff>
      <xdr:row>78</xdr:row>
      <xdr:rowOff>40236</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9639300" y="13395528"/>
          <a:ext cx="838200" cy="17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02519</xdr:rowOff>
    </xdr:from>
    <xdr:ext cx="469744"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1327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9642</xdr:rowOff>
    </xdr:from>
    <xdr:to>
      <xdr:col>55</xdr:col>
      <xdr:colOff>50800</xdr:colOff>
      <xdr:row>78</xdr:row>
      <xdr:rowOff>9792</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281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6261</xdr:rowOff>
    </xdr:from>
    <xdr:to>
      <xdr:col>50</xdr:col>
      <xdr:colOff>114300</xdr:colOff>
      <xdr:row>78</xdr:row>
      <xdr:rowOff>40236</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8750300" y="13347911"/>
          <a:ext cx="889000" cy="65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6332</xdr:rowOff>
    </xdr:from>
    <xdr:to>
      <xdr:col>50</xdr:col>
      <xdr:colOff>165100</xdr:colOff>
      <xdr:row>77</xdr:row>
      <xdr:rowOff>127932</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227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44459</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003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9146</xdr:rowOff>
    </xdr:from>
    <xdr:to>
      <xdr:col>45</xdr:col>
      <xdr:colOff>177800</xdr:colOff>
      <xdr:row>77</xdr:row>
      <xdr:rowOff>146261</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7861300" y="13300796"/>
          <a:ext cx="889000" cy="47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8916</xdr:rowOff>
    </xdr:from>
    <xdr:to>
      <xdr:col>46</xdr:col>
      <xdr:colOff>38100</xdr:colOff>
      <xdr:row>77</xdr:row>
      <xdr:rowOff>130516</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23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47043</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005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7638</xdr:rowOff>
    </xdr:from>
    <xdr:to>
      <xdr:col>41</xdr:col>
      <xdr:colOff>50800</xdr:colOff>
      <xdr:row>77</xdr:row>
      <xdr:rowOff>99146</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a:off x="6972300" y="13209288"/>
          <a:ext cx="889000" cy="91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6121</xdr:rowOff>
    </xdr:from>
    <xdr:to>
      <xdr:col>41</xdr:col>
      <xdr:colOff>101600</xdr:colOff>
      <xdr:row>78</xdr:row>
      <xdr:rowOff>6271</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277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68848</xdr:rowOff>
    </xdr:from>
    <xdr:ext cx="469744"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626428" y="13370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1120</xdr:rowOff>
    </xdr:from>
    <xdr:to>
      <xdr:col>36</xdr:col>
      <xdr:colOff>165100</xdr:colOff>
      <xdr:row>77</xdr:row>
      <xdr:rowOff>122720</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22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13847</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315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3078</xdr:rowOff>
    </xdr:from>
    <xdr:to>
      <xdr:col>55</xdr:col>
      <xdr:colOff>50800</xdr:colOff>
      <xdr:row>78</xdr:row>
      <xdr:rowOff>73228</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3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58069</xdr:rowOff>
    </xdr:from>
    <xdr:ext cx="469744"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259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0886</xdr:rowOff>
    </xdr:from>
    <xdr:to>
      <xdr:col>50</xdr:col>
      <xdr:colOff>165100</xdr:colOff>
      <xdr:row>78</xdr:row>
      <xdr:rowOff>91036</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362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82163</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404428" y="13455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95461</xdr:rowOff>
    </xdr:from>
    <xdr:to>
      <xdr:col>46</xdr:col>
      <xdr:colOff>38100</xdr:colOff>
      <xdr:row>78</xdr:row>
      <xdr:rowOff>25611</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297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6738</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515428" y="13389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48346</xdr:rowOff>
    </xdr:from>
    <xdr:to>
      <xdr:col>41</xdr:col>
      <xdr:colOff>101600</xdr:colOff>
      <xdr:row>77</xdr:row>
      <xdr:rowOff>149946</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249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66473</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626428" y="13025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8288</xdr:rowOff>
    </xdr:from>
    <xdr:to>
      <xdr:col>36</xdr:col>
      <xdr:colOff>165100</xdr:colOff>
      <xdr:row>77</xdr:row>
      <xdr:rowOff>58438</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158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74965</xdr:rowOff>
    </xdr:from>
    <xdr:ext cx="534377"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05111" y="12933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a:extLst>
            <a:ext uri="{FF2B5EF4-FFF2-40B4-BE49-F238E27FC236}">
              <a16:creationId xmlns:a16="http://schemas.microsoft.com/office/drawing/2014/main" id="{00000000-0008-0000-0600-0000CA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5157</xdr:rowOff>
    </xdr:from>
    <xdr:to>
      <xdr:col>54</xdr:col>
      <xdr:colOff>189865</xdr:colOff>
      <xdr:row>98</xdr:row>
      <xdr:rowOff>123146</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flipV="1">
          <a:off x="10475595" y="15667107"/>
          <a:ext cx="1270" cy="12581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6973</xdr:rowOff>
    </xdr:from>
    <xdr:ext cx="469744" cy="259045"/>
    <xdr:sp macro="" textlink="">
      <xdr:nvSpPr>
        <xdr:cNvPr id="460" name="普通建設事業費 （ うち更新整備　）最小値テキスト">
          <a:extLst>
            <a:ext uri="{FF2B5EF4-FFF2-40B4-BE49-F238E27FC236}">
              <a16:creationId xmlns:a16="http://schemas.microsoft.com/office/drawing/2014/main" id="{00000000-0008-0000-0600-0000CC010000}"/>
            </a:ext>
          </a:extLst>
        </xdr:cNvPr>
        <xdr:cNvSpPr txBox="1"/>
      </xdr:nvSpPr>
      <xdr:spPr>
        <a:xfrm>
          <a:off x="10528300" y="16929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3146</xdr:rowOff>
    </xdr:from>
    <xdr:to>
      <xdr:col>55</xdr:col>
      <xdr:colOff>88900</xdr:colOff>
      <xdr:row>98</xdr:row>
      <xdr:rowOff>123146</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6925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1834</xdr:rowOff>
    </xdr:from>
    <xdr:ext cx="534377" cy="259045"/>
    <xdr:sp macro="" textlink="">
      <xdr:nvSpPr>
        <xdr:cNvPr id="462" name="普通建設事業費 （ うち更新整備　）最大値テキスト">
          <a:extLst>
            <a:ext uri="{FF2B5EF4-FFF2-40B4-BE49-F238E27FC236}">
              <a16:creationId xmlns:a16="http://schemas.microsoft.com/office/drawing/2014/main" id="{00000000-0008-0000-0600-0000CE010000}"/>
            </a:ext>
          </a:extLst>
        </xdr:cNvPr>
        <xdr:cNvSpPr txBox="1"/>
      </xdr:nvSpPr>
      <xdr:spPr>
        <a:xfrm>
          <a:off x="10528300" y="15442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65157</xdr:rowOff>
    </xdr:from>
    <xdr:to>
      <xdr:col>55</xdr:col>
      <xdr:colOff>88900</xdr:colOff>
      <xdr:row>91</xdr:row>
      <xdr:rowOff>65157</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10388600" y="15667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3420</xdr:rowOff>
    </xdr:from>
    <xdr:to>
      <xdr:col>55</xdr:col>
      <xdr:colOff>0</xdr:colOff>
      <xdr:row>98</xdr:row>
      <xdr:rowOff>88818</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9639300" y="16664070"/>
          <a:ext cx="838200" cy="226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60019</xdr:rowOff>
    </xdr:from>
    <xdr:ext cx="534377" cy="259045"/>
    <xdr:sp macro="" textlink="">
      <xdr:nvSpPr>
        <xdr:cNvPr id="465" name="普通建設事業費 （ うち更新整備　）平均値テキスト">
          <a:extLst>
            <a:ext uri="{FF2B5EF4-FFF2-40B4-BE49-F238E27FC236}">
              <a16:creationId xmlns:a16="http://schemas.microsoft.com/office/drawing/2014/main" id="{00000000-0008-0000-0600-0000D1010000}"/>
            </a:ext>
          </a:extLst>
        </xdr:cNvPr>
        <xdr:cNvSpPr txBox="1"/>
      </xdr:nvSpPr>
      <xdr:spPr>
        <a:xfrm>
          <a:off x="10528300" y="16347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7142</xdr:rowOff>
    </xdr:from>
    <xdr:to>
      <xdr:col>55</xdr:col>
      <xdr:colOff>50800</xdr:colOff>
      <xdr:row>96</xdr:row>
      <xdr:rowOff>138742</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104267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33420</xdr:rowOff>
    </xdr:from>
    <xdr:to>
      <xdr:col>50</xdr:col>
      <xdr:colOff>114300</xdr:colOff>
      <xdr:row>97</xdr:row>
      <xdr:rowOff>168066</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8750300" y="16664070"/>
          <a:ext cx="889000" cy="134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75146</xdr:rowOff>
    </xdr:from>
    <xdr:to>
      <xdr:col>50</xdr:col>
      <xdr:colOff>165100</xdr:colOff>
      <xdr:row>97</xdr:row>
      <xdr:rowOff>5296</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9588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1823</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9372111" y="163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6121</xdr:rowOff>
    </xdr:from>
    <xdr:to>
      <xdr:col>45</xdr:col>
      <xdr:colOff>177800</xdr:colOff>
      <xdr:row>97</xdr:row>
      <xdr:rowOff>168066</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7861300" y="16786771"/>
          <a:ext cx="889000" cy="11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4121</xdr:rowOff>
    </xdr:from>
    <xdr:to>
      <xdr:col>46</xdr:col>
      <xdr:colOff>38100</xdr:colOff>
      <xdr:row>97</xdr:row>
      <xdr:rowOff>34271</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8699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0798</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8483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30194</xdr:rowOff>
    </xdr:from>
    <xdr:to>
      <xdr:col>41</xdr:col>
      <xdr:colOff>50800</xdr:colOff>
      <xdr:row>97</xdr:row>
      <xdr:rowOff>156121</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a:off x="6972300" y="16760844"/>
          <a:ext cx="889000" cy="25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6660</xdr:rowOff>
    </xdr:from>
    <xdr:to>
      <xdr:col>41</xdr:col>
      <xdr:colOff>101600</xdr:colOff>
      <xdr:row>97</xdr:row>
      <xdr:rowOff>86810</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7810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3337</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7594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5337</xdr:rowOff>
    </xdr:from>
    <xdr:to>
      <xdr:col>36</xdr:col>
      <xdr:colOff>165100</xdr:colOff>
      <xdr:row>97</xdr:row>
      <xdr:rowOff>15487</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6921500" y="1654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2014</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6705111" y="1631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8018</xdr:rowOff>
    </xdr:from>
    <xdr:to>
      <xdr:col>55</xdr:col>
      <xdr:colOff>50800</xdr:colOff>
      <xdr:row>98</xdr:row>
      <xdr:rowOff>139618</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10426700" y="16840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4395</xdr:rowOff>
    </xdr:from>
    <xdr:ext cx="469744" cy="259045"/>
    <xdr:sp macro="" textlink="">
      <xdr:nvSpPr>
        <xdr:cNvPr id="484" name="普通建設事業費 （ うち更新整備　）該当値テキスト">
          <a:extLst>
            <a:ext uri="{FF2B5EF4-FFF2-40B4-BE49-F238E27FC236}">
              <a16:creationId xmlns:a16="http://schemas.microsoft.com/office/drawing/2014/main" id="{00000000-0008-0000-0600-0000E4010000}"/>
            </a:ext>
          </a:extLst>
        </xdr:cNvPr>
        <xdr:cNvSpPr txBox="1"/>
      </xdr:nvSpPr>
      <xdr:spPr>
        <a:xfrm>
          <a:off x="10528300" y="16755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54070</xdr:rowOff>
    </xdr:from>
    <xdr:to>
      <xdr:col>50</xdr:col>
      <xdr:colOff>165100</xdr:colOff>
      <xdr:row>97</xdr:row>
      <xdr:rowOff>84220</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9588500" y="1661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75347</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9372111" y="16705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17266</xdr:rowOff>
    </xdr:from>
    <xdr:to>
      <xdr:col>46</xdr:col>
      <xdr:colOff>38100</xdr:colOff>
      <xdr:row>98</xdr:row>
      <xdr:rowOff>47416</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8699500" y="16747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8543</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8483111" y="16840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05321</xdr:rowOff>
    </xdr:from>
    <xdr:to>
      <xdr:col>41</xdr:col>
      <xdr:colOff>101600</xdr:colOff>
      <xdr:row>98</xdr:row>
      <xdr:rowOff>35471</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7810500" y="16735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26598</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7594111" y="16828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9394</xdr:rowOff>
    </xdr:from>
    <xdr:to>
      <xdr:col>36</xdr:col>
      <xdr:colOff>165100</xdr:colOff>
      <xdr:row>98</xdr:row>
      <xdr:rowOff>9544</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6921500" y="16710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671</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6705111" y="16802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3</xdr:row>
      <xdr:rowOff>106325</xdr:rowOff>
    </xdr:from>
    <xdr:to>
      <xdr:col>85</xdr:col>
      <xdr:colOff>126364</xdr:colOff>
      <xdr:row>38</xdr:row>
      <xdr:rowOff>13970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764175"/>
          <a:ext cx="1269" cy="890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2</xdr:row>
      <xdr:rowOff>53002</xdr:rowOff>
    </xdr:from>
    <xdr:ext cx="469744"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5539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06325</xdr:rowOff>
    </xdr:from>
    <xdr:to>
      <xdr:col>86</xdr:col>
      <xdr:colOff>25400</xdr:colOff>
      <xdr:row>33</xdr:row>
      <xdr:rowOff>106325</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764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3</xdr:row>
      <xdr:rowOff>45060</xdr:rowOff>
    </xdr:from>
    <xdr:to>
      <xdr:col>85</xdr:col>
      <xdr:colOff>127000</xdr:colOff>
      <xdr:row>37</xdr:row>
      <xdr:rowOff>166218</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5702910"/>
          <a:ext cx="838200" cy="806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9720</xdr:rowOff>
    </xdr:from>
    <xdr:ext cx="378565"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52482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1293</xdr:rowOff>
    </xdr:from>
    <xdr:to>
      <xdr:col>85</xdr:col>
      <xdr:colOff>177800</xdr:colOff>
      <xdr:row>38</xdr:row>
      <xdr:rowOff>13289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546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1</xdr:row>
      <xdr:rowOff>111811</xdr:rowOff>
    </xdr:from>
    <xdr:to>
      <xdr:col>81</xdr:col>
      <xdr:colOff>50800</xdr:colOff>
      <xdr:row>33</xdr:row>
      <xdr:rowOff>4506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4592300" y="5426761"/>
          <a:ext cx="889000" cy="276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92558</xdr:rowOff>
    </xdr:from>
    <xdr:to>
      <xdr:col>81</xdr:col>
      <xdr:colOff>101600</xdr:colOff>
      <xdr:row>38</xdr:row>
      <xdr:rowOff>22707</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43620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13835</xdr:rowOff>
    </xdr:from>
    <xdr:ext cx="378565"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92017" y="65289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1</xdr:row>
      <xdr:rowOff>111811</xdr:rowOff>
    </xdr:from>
    <xdr:to>
      <xdr:col>76</xdr:col>
      <xdr:colOff>114300</xdr:colOff>
      <xdr:row>38</xdr:row>
      <xdr:rowOff>139700</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3703300" y="5426761"/>
          <a:ext cx="889000" cy="1228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38278</xdr:rowOff>
    </xdr:from>
    <xdr:to>
      <xdr:col>76</xdr:col>
      <xdr:colOff>165100</xdr:colOff>
      <xdr:row>38</xdr:row>
      <xdr:rowOff>68428</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481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59555</xdr:rowOff>
    </xdr:from>
    <xdr:ext cx="378565"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403017" y="6574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3423</xdr:rowOff>
    </xdr:from>
    <xdr:to>
      <xdr:col>72</xdr:col>
      <xdr:colOff>38100</xdr:colOff>
      <xdr:row>38</xdr:row>
      <xdr:rowOff>93573</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507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10101</xdr:rowOff>
    </xdr:from>
    <xdr:ext cx="378565"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514017" y="62823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3</xdr:row>
      <xdr:rowOff>156566</xdr:rowOff>
    </xdr:from>
    <xdr:to>
      <xdr:col>67</xdr:col>
      <xdr:colOff>101600</xdr:colOff>
      <xdr:row>34</xdr:row>
      <xdr:rowOff>86716</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581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2</xdr:row>
      <xdr:rowOff>103243</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579428" y="5589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5418</xdr:rowOff>
    </xdr:from>
    <xdr:to>
      <xdr:col>85</xdr:col>
      <xdr:colOff>177800</xdr:colOff>
      <xdr:row>38</xdr:row>
      <xdr:rowOff>45568</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45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38295</xdr:rowOff>
    </xdr:from>
    <xdr:ext cx="378565"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3104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65710</xdr:rowOff>
    </xdr:from>
    <xdr:to>
      <xdr:col>81</xdr:col>
      <xdr:colOff>101600</xdr:colOff>
      <xdr:row>33</xdr:row>
      <xdr:rowOff>9586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5652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1</xdr:row>
      <xdr:rowOff>112387</xdr:rowOff>
    </xdr:from>
    <xdr:ext cx="469744"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246428" y="5427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1</xdr:row>
      <xdr:rowOff>61011</xdr:rowOff>
    </xdr:from>
    <xdr:to>
      <xdr:col>76</xdr:col>
      <xdr:colOff>165100</xdr:colOff>
      <xdr:row>31</xdr:row>
      <xdr:rowOff>162611</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5375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0</xdr:row>
      <xdr:rowOff>7688</xdr:rowOff>
    </xdr:from>
    <xdr:ext cx="469744"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357428" y="515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a16="http://schemas.microsoft.com/office/drawing/2014/main"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4531</xdr:rowOff>
    </xdr:from>
    <xdr:to>
      <xdr:col>85</xdr:col>
      <xdr:colOff>126364</xdr:colOff>
      <xdr:row>78</xdr:row>
      <xdr:rowOff>17227</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flipV="1">
          <a:off x="16317595" y="12086031"/>
          <a:ext cx="1269" cy="1304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1054</xdr:rowOff>
    </xdr:from>
    <xdr:ext cx="534377" cy="259045"/>
    <xdr:sp macro="" textlink="">
      <xdr:nvSpPr>
        <xdr:cNvPr id="621" name="公債費最小値テキスト">
          <a:extLst>
            <a:ext uri="{FF2B5EF4-FFF2-40B4-BE49-F238E27FC236}">
              <a16:creationId xmlns:a16="http://schemas.microsoft.com/office/drawing/2014/main" id="{00000000-0008-0000-0600-00006D020000}"/>
            </a:ext>
          </a:extLst>
        </xdr:cNvPr>
        <xdr:cNvSpPr txBox="1"/>
      </xdr:nvSpPr>
      <xdr:spPr>
        <a:xfrm>
          <a:off x="16370300" y="13394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7227</xdr:rowOff>
    </xdr:from>
    <xdr:to>
      <xdr:col>86</xdr:col>
      <xdr:colOff>25400</xdr:colOff>
      <xdr:row>78</xdr:row>
      <xdr:rowOff>17227</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6230600" y="133903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31208</xdr:rowOff>
    </xdr:from>
    <xdr:ext cx="534377" cy="259045"/>
    <xdr:sp macro="" textlink="">
      <xdr:nvSpPr>
        <xdr:cNvPr id="623" name="公債費最大値テキスト">
          <a:extLst>
            <a:ext uri="{FF2B5EF4-FFF2-40B4-BE49-F238E27FC236}">
              <a16:creationId xmlns:a16="http://schemas.microsoft.com/office/drawing/2014/main" id="{00000000-0008-0000-0600-00006F020000}"/>
            </a:ext>
          </a:extLst>
        </xdr:cNvPr>
        <xdr:cNvSpPr txBox="1"/>
      </xdr:nvSpPr>
      <xdr:spPr>
        <a:xfrm>
          <a:off x="16370300" y="11861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4531</xdr:rowOff>
    </xdr:from>
    <xdr:to>
      <xdr:col>86</xdr:col>
      <xdr:colOff>25400</xdr:colOff>
      <xdr:row>70</xdr:row>
      <xdr:rowOff>84531</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2086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90494</xdr:rowOff>
    </xdr:from>
    <xdr:to>
      <xdr:col>85</xdr:col>
      <xdr:colOff>127000</xdr:colOff>
      <xdr:row>76</xdr:row>
      <xdr:rowOff>103657</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5481300" y="13120694"/>
          <a:ext cx="838200" cy="13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6870</xdr:rowOff>
    </xdr:from>
    <xdr:ext cx="534377" cy="259045"/>
    <xdr:sp macro="" textlink="">
      <xdr:nvSpPr>
        <xdr:cNvPr id="626" name="公債費平均値テキスト">
          <a:extLst>
            <a:ext uri="{FF2B5EF4-FFF2-40B4-BE49-F238E27FC236}">
              <a16:creationId xmlns:a16="http://schemas.microsoft.com/office/drawing/2014/main" id="{00000000-0008-0000-0600-000072020000}"/>
            </a:ext>
          </a:extLst>
        </xdr:cNvPr>
        <xdr:cNvSpPr txBox="1"/>
      </xdr:nvSpPr>
      <xdr:spPr>
        <a:xfrm>
          <a:off x="16370300" y="128756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5443</xdr:rowOff>
    </xdr:from>
    <xdr:to>
      <xdr:col>85</xdr:col>
      <xdr:colOff>177800</xdr:colOff>
      <xdr:row>76</xdr:row>
      <xdr:rowOff>95593</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62687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76340</xdr:rowOff>
    </xdr:from>
    <xdr:to>
      <xdr:col>81</xdr:col>
      <xdr:colOff>50800</xdr:colOff>
      <xdr:row>76</xdr:row>
      <xdr:rowOff>90494</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4592300" y="13106540"/>
          <a:ext cx="889000" cy="14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212</xdr:rowOff>
    </xdr:from>
    <xdr:to>
      <xdr:col>81</xdr:col>
      <xdr:colOff>101600</xdr:colOff>
      <xdr:row>76</xdr:row>
      <xdr:rowOff>102812</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5430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9340</xdr:rowOff>
    </xdr:from>
    <xdr:ext cx="534377"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5214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76340</xdr:rowOff>
    </xdr:from>
    <xdr:to>
      <xdr:col>76</xdr:col>
      <xdr:colOff>114300</xdr:colOff>
      <xdr:row>76</xdr:row>
      <xdr:rowOff>99981</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3703300" y="13106540"/>
          <a:ext cx="889000" cy="23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59823</xdr:rowOff>
    </xdr:from>
    <xdr:to>
      <xdr:col>76</xdr:col>
      <xdr:colOff>165100</xdr:colOff>
      <xdr:row>76</xdr:row>
      <xdr:rowOff>89973</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4541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06500</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4325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99333</xdr:rowOff>
    </xdr:from>
    <xdr:to>
      <xdr:col>71</xdr:col>
      <xdr:colOff>177800</xdr:colOff>
      <xdr:row>76</xdr:row>
      <xdr:rowOff>99981</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a:off x="12814300" y="13129533"/>
          <a:ext cx="889000" cy="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65424</xdr:rowOff>
    </xdr:from>
    <xdr:to>
      <xdr:col>72</xdr:col>
      <xdr:colOff>38100</xdr:colOff>
      <xdr:row>76</xdr:row>
      <xdr:rowOff>95574</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3652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12101</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3436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348</xdr:rowOff>
    </xdr:from>
    <xdr:to>
      <xdr:col>67</xdr:col>
      <xdr:colOff>101600</xdr:colOff>
      <xdr:row>76</xdr:row>
      <xdr:rowOff>95498</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2763500" y="13024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024</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547111" y="12799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2857</xdr:rowOff>
    </xdr:from>
    <xdr:to>
      <xdr:col>85</xdr:col>
      <xdr:colOff>177800</xdr:colOff>
      <xdr:row>76</xdr:row>
      <xdr:rowOff>154457</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6268700" y="1308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31284</xdr:rowOff>
    </xdr:from>
    <xdr:ext cx="534377" cy="259045"/>
    <xdr:sp macro="" textlink="">
      <xdr:nvSpPr>
        <xdr:cNvPr id="645" name="公債費該当値テキスト">
          <a:extLst>
            <a:ext uri="{FF2B5EF4-FFF2-40B4-BE49-F238E27FC236}">
              <a16:creationId xmlns:a16="http://schemas.microsoft.com/office/drawing/2014/main" id="{00000000-0008-0000-0600-000085020000}"/>
            </a:ext>
          </a:extLst>
        </xdr:cNvPr>
        <xdr:cNvSpPr txBox="1"/>
      </xdr:nvSpPr>
      <xdr:spPr>
        <a:xfrm>
          <a:off x="16370300" y="13061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39694</xdr:rowOff>
    </xdr:from>
    <xdr:to>
      <xdr:col>81</xdr:col>
      <xdr:colOff>101600</xdr:colOff>
      <xdr:row>76</xdr:row>
      <xdr:rowOff>141294</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5430500" y="13069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32421</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5214111" y="13162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25540</xdr:rowOff>
    </xdr:from>
    <xdr:to>
      <xdr:col>76</xdr:col>
      <xdr:colOff>165100</xdr:colOff>
      <xdr:row>76</xdr:row>
      <xdr:rowOff>127140</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4541500" y="130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18267</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4325111" y="13148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49181</xdr:rowOff>
    </xdr:from>
    <xdr:to>
      <xdr:col>72</xdr:col>
      <xdr:colOff>38100</xdr:colOff>
      <xdr:row>76</xdr:row>
      <xdr:rowOff>150781</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3652500" y="13079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41908</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3436111" y="13172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8533</xdr:rowOff>
    </xdr:from>
    <xdr:to>
      <xdr:col>67</xdr:col>
      <xdr:colOff>101600</xdr:colOff>
      <xdr:row>76</xdr:row>
      <xdr:rowOff>150133</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2763500" y="13078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41260</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547111" y="13171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847</xdr:rowOff>
    </xdr:from>
    <xdr:to>
      <xdr:col>85</xdr:col>
      <xdr:colOff>126364</xdr:colOff>
      <xdr:row>99</xdr:row>
      <xdr:rowOff>95842</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6317595" y="15541347"/>
          <a:ext cx="1269" cy="1528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9669</xdr:rowOff>
    </xdr:from>
    <xdr:ext cx="378565" cy="259045"/>
    <xdr:sp macro="" textlink="">
      <xdr:nvSpPr>
        <xdr:cNvPr id="680" name="積立金最小値テキスト">
          <a:extLst>
            <a:ext uri="{FF2B5EF4-FFF2-40B4-BE49-F238E27FC236}">
              <a16:creationId xmlns:a16="http://schemas.microsoft.com/office/drawing/2014/main" id="{00000000-0008-0000-0600-0000A8020000}"/>
            </a:ext>
          </a:extLst>
        </xdr:cNvPr>
        <xdr:cNvSpPr txBox="1"/>
      </xdr:nvSpPr>
      <xdr:spPr>
        <a:xfrm>
          <a:off x="16370300" y="170732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842</xdr:rowOff>
    </xdr:from>
    <xdr:to>
      <xdr:col>86</xdr:col>
      <xdr:colOff>25400</xdr:colOff>
      <xdr:row>99</xdr:row>
      <xdr:rowOff>95842</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7069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524</xdr:rowOff>
    </xdr:from>
    <xdr:ext cx="534377" cy="259045"/>
    <xdr:sp macro="" textlink="">
      <xdr:nvSpPr>
        <xdr:cNvPr id="682" name="積立金最大値テキスト">
          <a:extLst>
            <a:ext uri="{FF2B5EF4-FFF2-40B4-BE49-F238E27FC236}">
              <a16:creationId xmlns:a16="http://schemas.microsoft.com/office/drawing/2014/main" id="{00000000-0008-0000-0600-0000AA020000}"/>
            </a:ext>
          </a:extLst>
        </xdr:cNvPr>
        <xdr:cNvSpPr txBox="1"/>
      </xdr:nvSpPr>
      <xdr:spPr>
        <a:xfrm>
          <a:off x="16370300" y="1531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847</xdr:rowOff>
    </xdr:from>
    <xdr:to>
      <xdr:col>86</xdr:col>
      <xdr:colOff>25400</xdr:colOff>
      <xdr:row>90</xdr:row>
      <xdr:rowOff>110847</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5541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75154</xdr:rowOff>
    </xdr:from>
    <xdr:to>
      <xdr:col>85</xdr:col>
      <xdr:colOff>127000</xdr:colOff>
      <xdr:row>98</xdr:row>
      <xdr:rowOff>138835</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5481300" y="16877254"/>
          <a:ext cx="838200" cy="63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4466</xdr:rowOff>
    </xdr:from>
    <xdr:ext cx="534377" cy="259045"/>
    <xdr:sp macro="" textlink="">
      <xdr:nvSpPr>
        <xdr:cNvPr id="685" name="積立金平均値テキスト">
          <a:extLst>
            <a:ext uri="{FF2B5EF4-FFF2-40B4-BE49-F238E27FC236}">
              <a16:creationId xmlns:a16="http://schemas.microsoft.com/office/drawing/2014/main" id="{00000000-0008-0000-0600-0000AD020000}"/>
            </a:ext>
          </a:extLst>
        </xdr:cNvPr>
        <xdr:cNvSpPr txBox="1"/>
      </xdr:nvSpPr>
      <xdr:spPr>
        <a:xfrm>
          <a:off x="16370300" y="166036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1589</xdr:rowOff>
    </xdr:from>
    <xdr:to>
      <xdr:col>85</xdr:col>
      <xdr:colOff>177800</xdr:colOff>
      <xdr:row>98</xdr:row>
      <xdr:rowOff>51739</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6268700" y="16752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3110</xdr:rowOff>
    </xdr:from>
    <xdr:to>
      <xdr:col>81</xdr:col>
      <xdr:colOff>50800</xdr:colOff>
      <xdr:row>98</xdr:row>
      <xdr:rowOff>138835</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4592300" y="16925210"/>
          <a:ext cx="889000" cy="1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76212</xdr:rowOff>
    </xdr:from>
    <xdr:to>
      <xdr:col>81</xdr:col>
      <xdr:colOff>101600</xdr:colOff>
      <xdr:row>99</xdr:row>
      <xdr:rowOff>6362</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5430500" y="16878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22889</xdr:rowOff>
    </xdr:from>
    <xdr:ext cx="469744"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5246428" y="166535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2576</xdr:rowOff>
    </xdr:from>
    <xdr:to>
      <xdr:col>76</xdr:col>
      <xdr:colOff>114300</xdr:colOff>
      <xdr:row>98</xdr:row>
      <xdr:rowOff>123110</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a:off x="13703300" y="16894676"/>
          <a:ext cx="889000" cy="30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81079</xdr:rowOff>
    </xdr:from>
    <xdr:to>
      <xdr:col>76</xdr:col>
      <xdr:colOff>165100</xdr:colOff>
      <xdr:row>99</xdr:row>
      <xdr:rowOff>11229</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4541500" y="16883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2356</xdr:rowOff>
    </xdr:from>
    <xdr:ext cx="469744"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4357428" y="16975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92576</xdr:rowOff>
    </xdr:from>
    <xdr:to>
      <xdr:col>71</xdr:col>
      <xdr:colOff>177800</xdr:colOff>
      <xdr:row>98</xdr:row>
      <xdr:rowOff>110472</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flipV="1">
          <a:off x="12814300" y="16894676"/>
          <a:ext cx="889000" cy="17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81193</xdr:rowOff>
    </xdr:from>
    <xdr:to>
      <xdr:col>72</xdr:col>
      <xdr:colOff>38100</xdr:colOff>
      <xdr:row>99</xdr:row>
      <xdr:rowOff>11343</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3652500" y="1688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2470</xdr:rowOff>
    </xdr:from>
    <xdr:ext cx="469744"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468428" y="16976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5135</xdr:rowOff>
    </xdr:from>
    <xdr:to>
      <xdr:col>67</xdr:col>
      <xdr:colOff>101600</xdr:colOff>
      <xdr:row>99</xdr:row>
      <xdr:rowOff>5285</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2763500" y="16877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67862</xdr:rowOff>
    </xdr:from>
    <xdr:ext cx="469744"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2579428" y="16969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4354</xdr:rowOff>
    </xdr:from>
    <xdr:to>
      <xdr:col>85</xdr:col>
      <xdr:colOff>177800</xdr:colOff>
      <xdr:row>98</xdr:row>
      <xdr:rowOff>125954</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6268700" y="1682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781</xdr:rowOff>
    </xdr:from>
    <xdr:ext cx="534377" cy="259045"/>
    <xdr:sp macro="" textlink="">
      <xdr:nvSpPr>
        <xdr:cNvPr id="704" name="積立金該当値テキスト">
          <a:extLst>
            <a:ext uri="{FF2B5EF4-FFF2-40B4-BE49-F238E27FC236}">
              <a16:creationId xmlns:a16="http://schemas.microsoft.com/office/drawing/2014/main" id="{00000000-0008-0000-0600-0000C0020000}"/>
            </a:ext>
          </a:extLst>
        </xdr:cNvPr>
        <xdr:cNvSpPr txBox="1"/>
      </xdr:nvSpPr>
      <xdr:spPr>
        <a:xfrm>
          <a:off x="16370300" y="16804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8035</xdr:rowOff>
    </xdr:from>
    <xdr:to>
      <xdr:col>81</xdr:col>
      <xdr:colOff>101600</xdr:colOff>
      <xdr:row>99</xdr:row>
      <xdr:rowOff>18185</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5430500" y="16890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9312</xdr:rowOff>
    </xdr:from>
    <xdr:ext cx="469744"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5246428" y="16982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2310</xdr:rowOff>
    </xdr:from>
    <xdr:to>
      <xdr:col>76</xdr:col>
      <xdr:colOff>165100</xdr:colOff>
      <xdr:row>99</xdr:row>
      <xdr:rowOff>2460</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4541500" y="16874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8987</xdr:rowOff>
    </xdr:from>
    <xdr:ext cx="469744"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357428" y="16649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41776</xdr:rowOff>
    </xdr:from>
    <xdr:to>
      <xdr:col>72</xdr:col>
      <xdr:colOff>38100</xdr:colOff>
      <xdr:row>98</xdr:row>
      <xdr:rowOff>143376</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3652500" y="16843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9903</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436111" y="16619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9672</xdr:rowOff>
    </xdr:from>
    <xdr:to>
      <xdr:col>67</xdr:col>
      <xdr:colOff>101600</xdr:colOff>
      <xdr:row>98</xdr:row>
      <xdr:rowOff>161272</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2763500" y="1686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6349</xdr:rowOff>
    </xdr:from>
    <xdr:ext cx="469744"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579428" y="1663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a:extLst>
            <a:ext uri="{FF2B5EF4-FFF2-40B4-BE49-F238E27FC236}">
              <a16:creationId xmlns:a16="http://schemas.microsoft.com/office/drawing/2014/main" id="{00000000-0008-0000-06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54138</xdr:rowOff>
    </xdr:from>
    <xdr:to>
      <xdr:col>116</xdr:col>
      <xdr:colOff>62864</xdr:colOff>
      <xdr:row>39</xdr:row>
      <xdr:rowOff>98878</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flipV="1">
          <a:off x="22159595" y="5369088"/>
          <a:ext cx="1269" cy="141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9" name="投資及び出資金最小値テキスト">
          <a:extLst>
            <a:ext uri="{FF2B5EF4-FFF2-40B4-BE49-F238E27FC236}">
              <a16:creationId xmlns:a16="http://schemas.microsoft.com/office/drawing/2014/main" id="{00000000-0008-0000-0600-0000E3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15</xdr:rowOff>
    </xdr:from>
    <xdr:ext cx="469744" cy="259045"/>
    <xdr:sp macro="" textlink="">
      <xdr:nvSpPr>
        <xdr:cNvPr id="741" name="投資及び出資金最大値テキスト">
          <a:extLst>
            <a:ext uri="{FF2B5EF4-FFF2-40B4-BE49-F238E27FC236}">
              <a16:creationId xmlns:a16="http://schemas.microsoft.com/office/drawing/2014/main" id="{00000000-0008-0000-0600-0000E5020000}"/>
            </a:ext>
          </a:extLst>
        </xdr:cNvPr>
        <xdr:cNvSpPr txBox="1"/>
      </xdr:nvSpPr>
      <xdr:spPr>
        <a:xfrm>
          <a:off x="22212300" y="5144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54138</xdr:rowOff>
    </xdr:from>
    <xdr:to>
      <xdr:col>116</xdr:col>
      <xdr:colOff>152400</xdr:colOff>
      <xdr:row>31</xdr:row>
      <xdr:rowOff>54138</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53690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20594</xdr:rowOff>
    </xdr:from>
    <xdr:ext cx="378565" cy="259045"/>
    <xdr:sp macro="" textlink="">
      <xdr:nvSpPr>
        <xdr:cNvPr id="744" name="投資及び出資金平均値テキスト">
          <a:extLst>
            <a:ext uri="{FF2B5EF4-FFF2-40B4-BE49-F238E27FC236}">
              <a16:creationId xmlns:a16="http://schemas.microsoft.com/office/drawing/2014/main" id="{00000000-0008-0000-0600-0000E8020000}"/>
            </a:ext>
          </a:extLst>
        </xdr:cNvPr>
        <xdr:cNvSpPr txBox="1"/>
      </xdr:nvSpPr>
      <xdr:spPr>
        <a:xfrm>
          <a:off x="22212300" y="62927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7717</xdr:rowOff>
    </xdr:from>
    <xdr:to>
      <xdr:col>116</xdr:col>
      <xdr:colOff>114300</xdr:colOff>
      <xdr:row>38</xdr:row>
      <xdr:rowOff>27867</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2110700" y="6441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32077</xdr:rowOff>
    </xdr:from>
    <xdr:to>
      <xdr:col>112</xdr:col>
      <xdr:colOff>38100</xdr:colOff>
      <xdr:row>37</xdr:row>
      <xdr:rowOff>133677</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1272500" y="6375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50204</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088428" y="6150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45793</xdr:rowOff>
    </xdr:from>
    <xdr:to>
      <xdr:col>107</xdr:col>
      <xdr:colOff>101600</xdr:colOff>
      <xdr:row>37</xdr:row>
      <xdr:rowOff>147393</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20383500" y="6389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63920</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199428" y="616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3764</xdr:rowOff>
    </xdr:from>
    <xdr:to>
      <xdr:col>102</xdr:col>
      <xdr:colOff>165100</xdr:colOff>
      <xdr:row>38</xdr:row>
      <xdr:rowOff>73914</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19494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90441</xdr:rowOff>
    </xdr:from>
    <xdr:ext cx="378565"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56017" y="62626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4813</xdr:rowOff>
    </xdr:from>
    <xdr:to>
      <xdr:col>98</xdr:col>
      <xdr:colOff>38100</xdr:colOff>
      <xdr:row>38</xdr:row>
      <xdr:rowOff>146413</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8605500" y="655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2940</xdr:rowOff>
    </xdr:from>
    <xdr:ext cx="378565"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67017" y="63351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3" name="投資及び出資金該当値テキスト">
          <a:extLst>
            <a:ext uri="{FF2B5EF4-FFF2-40B4-BE49-F238E27FC236}">
              <a16:creationId xmlns:a16="http://schemas.microsoft.com/office/drawing/2014/main" id="{00000000-0008-0000-0600-0000FB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44434</xdr:rowOff>
    </xdr:from>
    <xdr:ext cx="46717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820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60762</xdr:rowOff>
    </xdr:from>
    <xdr:ext cx="46717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820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5642</xdr:rowOff>
    </xdr:from>
    <xdr:ext cx="46717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820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貸付金グラフ枠">
          <a:extLst>
            <a:ext uri="{FF2B5EF4-FFF2-40B4-BE49-F238E27FC236}">
              <a16:creationId xmlns:a16="http://schemas.microsoft.com/office/drawing/2014/main" id="{00000000-0008-0000-0600-00001C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88211</xdr:rowOff>
    </xdr:from>
    <xdr:to>
      <xdr:col>116</xdr:col>
      <xdr:colOff>62864</xdr:colOff>
      <xdr:row>59</xdr:row>
      <xdr:rowOff>98878</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flipV="1">
          <a:off x="22159595" y="8660711"/>
          <a:ext cx="1269" cy="1553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98" name="貸付金最小値テキスト">
          <a:extLst>
            <a:ext uri="{FF2B5EF4-FFF2-40B4-BE49-F238E27FC236}">
              <a16:creationId xmlns:a16="http://schemas.microsoft.com/office/drawing/2014/main" id="{00000000-0008-0000-0600-00001E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34888</xdr:rowOff>
    </xdr:from>
    <xdr:ext cx="534377" cy="259045"/>
    <xdr:sp macro="" textlink="">
      <xdr:nvSpPr>
        <xdr:cNvPr id="800" name="貸付金最大値テキスト">
          <a:extLst>
            <a:ext uri="{FF2B5EF4-FFF2-40B4-BE49-F238E27FC236}">
              <a16:creationId xmlns:a16="http://schemas.microsoft.com/office/drawing/2014/main" id="{00000000-0008-0000-0600-000020030000}"/>
            </a:ext>
          </a:extLst>
        </xdr:cNvPr>
        <xdr:cNvSpPr txBox="1"/>
      </xdr:nvSpPr>
      <xdr:spPr>
        <a:xfrm>
          <a:off x="22212300" y="8435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88211</xdr:rowOff>
    </xdr:from>
    <xdr:to>
      <xdr:col>116</xdr:col>
      <xdr:colOff>152400</xdr:colOff>
      <xdr:row>50</xdr:row>
      <xdr:rowOff>88211</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2072600" y="8660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63174</xdr:rowOff>
    </xdr:from>
    <xdr:to>
      <xdr:col>116</xdr:col>
      <xdr:colOff>63500</xdr:colOff>
      <xdr:row>58</xdr:row>
      <xdr:rowOff>63174</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21323300" y="1000727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70233</xdr:rowOff>
    </xdr:from>
    <xdr:ext cx="469744" cy="259045"/>
    <xdr:sp macro="" textlink="">
      <xdr:nvSpPr>
        <xdr:cNvPr id="803" name="貸付金平均値テキスト">
          <a:extLst>
            <a:ext uri="{FF2B5EF4-FFF2-40B4-BE49-F238E27FC236}">
              <a16:creationId xmlns:a16="http://schemas.microsoft.com/office/drawing/2014/main" id="{00000000-0008-0000-0600-000023030000}"/>
            </a:ext>
          </a:extLst>
        </xdr:cNvPr>
        <xdr:cNvSpPr txBox="1"/>
      </xdr:nvSpPr>
      <xdr:spPr>
        <a:xfrm>
          <a:off x="22212300" y="97714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47356</xdr:rowOff>
    </xdr:from>
    <xdr:to>
      <xdr:col>116</xdr:col>
      <xdr:colOff>114300</xdr:colOff>
      <xdr:row>58</xdr:row>
      <xdr:rowOff>77506</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2110700" y="9920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98116</xdr:rowOff>
    </xdr:from>
    <xdr:to>
      <xdr:col>111</xdr:col>
      <xdr:colOff>177800</xdr:colOff>
      <xdr:row>58</xdr:row>
      <xdr:rowOff>63174</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a:off x="20434300" y="9870766"/>
          <a:ext cx="889000" cy="136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25258</xdr:rowOff>
    </xdr:from>
    <xdr:to>
      <xdr:col>112</xdr:col>
      <xdr:colOff>38100</xdr:colOff>
      <xdr:row>58</xdr:row>
      <xdr:rowOff>55408</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1272500" y="9897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71935</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1088428" y="9673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3</xdr:row>
      <xdr:rowOff>163540</xdr:rowOff>
    </xdr:from>
    <xdr:to>
      <xdr:col>107</xdr:col>
      <xdr:colOff>50800</xdr:colOff>
      <xdr:row>57</xdr:row>
      <xdr:rowOff>98116</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a:off x="19545300" y="9250390"/>
          <a:ext cx="889000" cy="620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15897</xdr:rowOff>
    </xdr:from>
    <xdr:to>
      <xdr:col>107</xdr:col>
      <xdr:colOff>101600</xdr:colOff>
      <xdr:row>58</xdr:row>
      <xdr:rowOff>46047</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20383500" y="9888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37174</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199428" y="9981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3</xdr:row>
      <xdr:rowOff>162778</xdr:rowOff>
    </xdr:from>
    <xdr:to>
      <xdr:col>102</xdr:col>
      <xdr:colOff>114300</xdr:colOff>
      <xdr:row>53</xdr:row>
      <xdr:rowOff>163540</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18656300" y="924962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6040</xdr:rowOff>
    </xdr:from>
    <xdr:to>
      <xdr:col>102</xdr:col>
      <xdr:colOff>165100</xdr:colOff>
      <xdr:row>57</xdr:row>
      <xdr:rowOff>167640</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9494500" y="9838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58767</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9310428" y="9931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5481</xdr:rowOff>
    </xdr:from>
    <xdr:to>
      <xdr:col>98</xdr:col>
      <xdr:colOff>38100</xdr:colOff>
      <xdr:row>57</xdr:row>
      <xdr:rowOff>157081</xdr:rowOff>
    </xdr:to>
    <xdr:sp macro="" textlink="">
      <xdr:nvSpPr>
        <xdr:cNvPr id="814" name="フローチャート: 判断 813">
          <a:extLst>
            <a:ext uri="{FF2B5EF4-FFF2-40B4-BE49-F238E27FC236}">
              <a16:creationId xmlns:a16="http://schemas.microsoft.com/office/drawing/2014/main" id="{00000000-0008-0000-0600-00002E030000}"/>
            </a:ext>
          </a:extLst>
        </xdr:cNvPr>
        <xdr:cNvSpPr/>
      </xdr:nvSpPr>
      <xdr:spPr>
        <a:xfrm>
          <a:off x="18605500" y="9828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48208</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8421428" y="9920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2374</xdr:rowOff>
    </xdr:from>
    <xdr:to>
      <xdr:col>116</xdr:col>
      <xdr:colOff>114300</xdr:colOff>
      <xdr:row>58</xdr:row>
      <xdr:rowOff>113974</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2110700" y="9956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62251</xdr:rowOff>
    </xdr:from>
    <xdr:ext cx="469744" cy="259045"/>
    <xdr:sp macro="" textlink="">
      <xdr:nvSpPr>
        <xdr:cNvPr id="822" name="貸付金該当値テキスト">
          <a:extLst>
            <a:ext uri="{FF2B5EF4-FFF2-40B4-BE49-F238E27FC236}">
              <a16:creationId xmlns:a16="http://schemas.microsoft.com/office/drawing/2014/main" id="{00000000-0008-0000-0600-000036030000}"/>
            </a:ext>
          </a:extLst>
        </xdr:cNvPr>
        <xdr:cNvSpPr txBox="1"/>
      </xdr:nvSpPr>
      <xdr:spPr>
        <a:xfrm>
          <a:off x="22212300" y="9934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2374</xdr:rowOff>
    </xdr:from>
    <xdr:to>
      <xdr:col>112</xdr:col>
      <xdr:colOff>38100</xdr:colOff>
      <xdr:row>58</xdr:row>
      <xdr:rowOff>113974</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1272500" y="9956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5101</xdr:rowOff>
    </xdr:from>
    <xdr:ext cx="469744"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1088428" y="10049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47316</xdr:rowOff>
    </xdr:from>
    <xdr:to>
      <xdr:col>107</xdr:col>
      <xdr:colOff>101600</xdr:colOff>
      <xdr:row>57</xdr:row>
      <xdr:rowOff>148916</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20383500" y="9819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65443</xdr:rowOff>
    </xdr:from>
    <xdr:ext cx="469744"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0199428" y="9595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3</xdr:row>
      <xdr:rowOff>112740</xdr:rowOff>
    </xdr:from>
    <xdr:to>
      <xdr:col>102</xdr:col>
      <xdr:colOff>165100</xdr:colOff>
      <xdr:row>54</xdr:row>
      <xdr:rowOff>42890</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9494500" y="9199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2</xdr:row>
      <xdr:rowOff>59417</xdr:rowOff>
    </xdr:from>
    <xdr:ext cx="469744"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9310428" y="8974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3</xdr:row>
      <xdr:rowOff>111978</xdr:rowOff>
    </xdr:from>
    <xdr:to>
      <xdr:col>98</xdr:col>
      <xdr:colOff>38100</xdr:colOff>
      <xdr:row>54</xdr:row>
      <xdr:rowOff>42128</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18605500" y="919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2</xdr:row>
      <xdr:rowOff>58655</xdr:rowOff>
    </xdr:from>
    <xdr:ext cx="469744"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8421428" y="8974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a16="http://schemas.microsoft.com/office/drawing/2014/main"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33390</xdr:rowOff>
    </xdr:from>
    <xdr:to>
      <xdr:col>116</xdr:col>
      <xdr:colOff>62864</xdr:colOff>
      <xdr:row>78</xdr:row>
      <xdr:rowOff>35961</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flipV="1">
          <a:off x="22159595" y="12306340"/>
          <a:ext cx="1269" cy="1102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39788</xdr:rowOff>
    </xdr:from>
    <xdr:ext cx="534377" cy="259045"/>
    <xdr:sp macro="" textlink="">
      <xdr:nvSpPr>
        <xdr:cNvPr id="854" name="繰出金最小値テキスト">
          <a:extLst>
            <a:ext uri="{FF2B5EF4-FFF2-40B4-BE49-F238E27FC236}">
              <a16:creationId xmlns:a16="http://schemas.microsoft.com/office/drawing/2014/main" id="{00000000-0008-0000-0600-000056030000}"/>
            </a:ext>
          </a:extLst>
        </xdr:cNvPr>
        <xdr:cNvSpPr txBox="1"/>
      </xdr:nvSpPr>
      <xdr:spPr>
        <a:xfrm>
          <a:off x="22212300" y="13412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35961</xdr:rowOff>
    </xdr:from>
    <xdr:to>
      <xdr:col>116</xdr:col>
      <xdr:colOff>152400</xdr:colOff>
      <xdr:row>78</xdr:row>
      <xdr:rowOff>35961</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2072600" y="13409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80067</xdr:rowOff>
    </xdr:from>
    <xdr:ext cx="534377" cy="259045"/>
    <xdr:sp macro="" textlink="">
      <xdr:nvSpPr>
        <xdr:cNvPr id="856" name="繰出金最大値テキスト">
          <a:extLst>
            <a:ext uri="{FF2B5EF4-FFF2-40B4-BE49-F238E27FC236}">
              <a16:creationId xmlns:a16="http://schemas.microsoft.com/office/drawing/2014/main" id="{00000000-0008-0000-0600-000058030000}"/>
            </a:ext>
          </a:extLst>
        </xdr:cNvPr>
        <xdr:cNvSpPr txBox="1"/>
      </xdr:nvSpPr>
      <xdr:spPr>
        <a:xfrm>
          <a:off x="22212300" y="12081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33390</xdr:rowOff>
    </xdr:from>
    <xdr:to>
      <xdr:col>116</xdr:col>
      <xdr:colOff>152400</xdr:colOff>
      <xdr:row>71</xdr:row>
      <xdr:rowOff>13339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2306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53609</xdr:rowOff>
    </xdr:from>
    <xdr:to>
      <xdr:col>116</xdr:col>
      <xdr:colOff>63500</xdr:colOff>
      <xdr:row>74</xdr:row>
      <xdr:rowOff>89225</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21323300" y="12740909"/>
          <a:ext cx="838200" cy="35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49714</xdr:rowOff>
    </xdr:from>
    <xdr:ext cx="534377" cy="259045"/>
    <xdr:sp macro="" textlink="">
      <xdr:nvSpPr>
        <xdr:cNvPr id="859" name="繰出金平均値テキスト">
          <a:extLst>
            <a:ext uri="{FF2B5EF4-FFF2-40B4-BE49-F238E27FC236}">
              <a16:creationId xmlns:a16="http://schemas.microsoft.com/office/drawing/2014/main" id="{00000000-0008-0000-0600-00005B030000}"/>
            </a:ext>
          </a:extLst>
        </xdr:cNvPr>
        <xdr:cNvSpPr txBox="1"/>
      </xdr:nvSpPr>
      <xdr:spPr>
        <a:xfrm>
          <a:off x="22212300" y="128370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71287</xdr:rowOff>
    </xdr:from>
    <xdr:to>
      <xdr:col>116</xdr:col>
      <xdr:colOff>114300</xdr:colOff>
      <xdr:row>75</xdr:row>
      <xdr:rowOff>10143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21107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53609</xdr:rowOff>
    </xdr:from>
    <xdr:to>
      <xdr:col>111</xdr:col>
      <xdr:colOff>177800</xdr:colOff>
      <xdr:row>74</xdr:row>
      <xdr:rowOff>65908</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20434300" y="12740909"/>
          <a:ext cx="889000" cy="12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8021</xdr:rowOff>
    </xdr:from>
    <xdr:to>
      <xdr:col>112</xdr:col>
      <xdr:colOff>38100</xdr:colOff>
      <xdr:row>75</xdr:row>
      <xdr:rowOff>109621</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1272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00748</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2959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1</xdr:row>
      <xdr:rowOff>44740</xdr:rowOff>
    </xdr:from>
    <xdr:to>
      <xdr:col>107</xdr:col>
      <xdr:colOff>50800</xdr:colOff>
      <xdr:row>74</xdr:row>
      <xdr:rowOff>65908</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a:off x="19545300" y="12217690"/>
          <a:ext cx="889000" cy="53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48976</xdr:rowOff>
    </xdr:from>
    <xdr:to>
      <xdr:col>107</xdr:col>
      <xdr:colOff>101600</xdr:colOff>
      <xdr:row>75</xdr:row>
      <xdr:rowOff>79126</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20383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70253</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0167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1</xdr:row>
      <xdr:rowOff>12187</xdr:rowOff>
    </xdr:from>
    <xdr:to>
      <xdr:col>102</xdr:col>
      <xdr:colOff>114300</xdr:colOff>
      <xdr:row>71</xdr:row>
      <xdr:rowOff>44740</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a:off x="18656300" y="12185137"/>
          <a:ext cx="889000" cy="3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65024</xdr:rowOff>
    </xdr:from>
    <xdr:to>
      <xdr:col>102</xdr:col>
      <xdr:colOff>165100</xdr:colOff>
      <xdr:row>75</xdr:row>
      <xdr:rowOff>95174</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19494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86301</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278111" y="1294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6690</xdr:rowOff>
    </xdr:from>
    <xdr:to>
      <xdr:col>98</xdr:col>
      <xdr:colOff>38100</xdr:colOff>
      <xdr:row>75</xdr:row>
      <xdr:rowOff>76840</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8605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67967</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8389111" y="12926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38425</xdr:rowOff>
    </xdr:from>
    <xdr:to>
      <xdr:col>116</xdr:col>
      <xdr:colOff>114300</xdr:colOff>
      <xdr:row>74</xdr:row>
      <xdr:rowOff>140025</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2110700" y="1272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61302</xdr:rowOff>
    </xdr:from>
    <xdr:ext cx="534377" cy="259045"/>
    <xdr:sp macro="" textlink="">
      <xdr:nvSpPr>
        <xdr:cNvPr id="878" name="繰出金該当値テキスト">
          <a:extLst>
            <a:ext uri="{FF2B5EF4-FFF2-40B4-BE49-F238E27FC236}">
              <a16:creationId xmlns:a16="http://schemas.microsoft.com/office/drawing/2014/main" id="{00000000-0008-0000-0600-00006E030000}"/>
            </a:ext>
          </a:extLst>
        </xdr:cNvPr>
        <xdr:cNvSpPr txBox="1"/>
      </xdr:nvSpPr>
      <xdr:spPr>
        <a:xfrm>
          <a:off x="22212300" y="12577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2809</xdr:rowOff>
    </xdr:from>
    <xdr:to>
      <xdr:col>112</xdr:col>
      <xdr:colOff>38100</xdr:colOff>
      <xdr:row>74</xdr:row>
      <xdr:rowOff>104409</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1272500" y="12690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20936</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1056111" y="12465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5108</xdr:rowOff>
    </xdr:from>
    <xdr:to>
      <xdr:col>107</xdr:col>
      <xdr:colOff>101600</xdr:colOff>
      <xdr:row>74</xdr:row>
      <xdr:rowOff>116708</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0383500" y="1270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33235</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0167111" y="12477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0</xdr:row>
      <xdr:rowOff>165390</xdr:rowOff>
    </xdr:from>
    <xdr:to>
      <xdr:col>102</xdr:col>
      <xdr:colOff>165100</xdr:colOff>
      <xdr:row>71</xdr:row>
      <xdr:rowOff>95540</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19494500" y="12166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69</xdr:row>
      <xdr:rowOff>112067</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9278111" y="1194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0</xdr:row>
      <xdr:rowOff>132837</xdr:rowOff>
    </xdr:from>
    <xdr:to>
      <xdr:col>98</xdr:col>
      <xdr:colOff>38100</xdr:colOff>
      <xdr:row>71</xdr:row>
      <xdr:rowOff>62987</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8605500" y="12134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69</xdr:row>
      <xdr:rowOff>79514</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389111" y="11909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a16="http://schemas.microsoft.com/office/drawing/2014/main"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a16="http://schemas.microsoft.com/office/drawing/2014/main"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a16="http://schemas.microsoft.com/office/drawing/2014/main"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a16="http://schemas.microsoft.com/office/drawing/2014/main"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a16="http://schemas.microsoft.com/office/drawing/2014/main"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a16="http://schemas.microsoft.com/office/drawing/2014/main"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a16="http://schemas.microsoft.com/office/drawing/2014/main"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主な項目として、まず人件費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口</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当たりに対する職員数が類似団体内平均値と比較して多い要因としては市全体が複雑な地形であるため、消防署の数が多いことやごみ収集の委託化が途上にあることなどが挙げら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てお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職員の数につい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２月に第４次職員数適性化計画を策定し、民間事業者への業務委託や、業務の担い手、事務事業、事務制度の見直し、職員の多能工化により令和７年度までに職員の数を減ら</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財政の硬直化を避けるため、民間委託の推進等によりコスト削減を引き続き目指していく。</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次に補助費等は、特別定額給付金や鎌倉応援買い物・飲食電子商品券発行、中小企業家賃支援補助金などの減額による。</a:t>
          </a:r>
          <a:endParaRPr kumimoji="1" lang="en-US" altLang="ja-JP" sz="13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普通建設費は、小中学校トイレ環境改善や鎌倉駅東口駅前広場整備事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どの減額によ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扶助費は、児童福祉費、生活保護費の増加を主な要因として増加傾向にあり、令和３年度も引き続いて増となった。</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1
175,421
39.66
69,868,970
64,948,417
4,560,901
36,532,544
31,933,37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0673</xdr:rowOff>
    </xdr:from>
    <xdr:to>
      <xdr:col>24</xdr:col>
      <xdr:colOff>62865</xdr:colOff>
      <xdr:row>39</xdr:row>
      <xdr:rowOff>17628</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294173"/>
          <a:ext cx="1270" cy="1410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1455</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708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7628</xdr:rowOff>
    </xdr:from>
    <xdr:to>
      <xdr:col>24</xdr:col>
      <xdr:colOff>152400</xdr:colOff>
      <xdr:row>39</xdr:row>
      <xdr:rowOff>17628</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704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350</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0694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8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0673</xdr:rowOff>
    </xdr:from>
    <xdr:to>
      <xdr:col>24</xdr:col>
      <xdr:colOff>152400</xdr:colOff>
      <xdr:row>30</xdr:row>
      <xdr:rowOff>150673</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2941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21412</xdr:rowOff>
    </xdr:from>
    <xdr:to>
      <xdr:col>24</xdr:col>
      <xdr:colOff>63500</xdr:colOff>
      <xdr:row>35</xdr:row>
      <xdr:rowOff>24028</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5950712"/>
          <a:ext cx="838200" cy="74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1675</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1124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3248</xdr:rowOff>
    </xdr:from>
    <xdr:to>
      <xdr:col>24</xdr:col>
      <xdr:colOff>114300</xdr:colOff>
      <xdr:row>36</xdr:row>
      <xdr:rowOff>63398</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25984</xdr:rowOff>
    </xdr:from>
    <xdr:to>
      <xdr:col>19</xdr:col>
      <xdr:colOff>177800</xdr:colOff>
      <xdr:row>35</xdr:row>
      <xdr:rowOff>24028</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5955284"/>
          <a:ext cx="8890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5077</xdr:rowOff>
    </xdr:from>
    <xdr:to>
      <xdr:col>20</xdr:col>
      <xdr:colOff>38100</xdr:colOff>
      <xdr:row>36</xdr:row>
      <xdr:rowOff>65227</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56354</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63931</xdr:rowOff>
    </xdr:from>
    <xdr:to>
      <xdr:col>15</xdr:col>
      <xdr:colOff>50800</xdr:colOff>
      <xdr:row>34</xdr:row>
      <xdr:rowOff>125984</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821781"/>
          <a:ext cx="889000" cy="133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5933</xdr:rowOff>
    </xdr:from>
    <xdr:to>
      <xdr:col>15</xdr:col>
      <xdr:colOff>101600</xdr:colOff>
      <xdr:row>36</xdr:row>
      <xdr:rowOff>56083</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47210</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63931</xdr:rowOff>
    </xdr:from>
    <xdr:to>
      <xdr:col>10</xdr:col>
      <xdr:colOff>114300</xdr:colOff>
      <xdr:row>34</xdr:row>
      <xdr:rowOff>49175</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flipV="1">
          <a:off x="1130300" y="5821781"/>
          <a:ext cx="889000" cy="56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19532</xdr:rowOff>
    </xdr:from>
    <xdr:to>
      <xdr:col>10</xdr:col>
      <xdr:colOff>165100</xdr:colOff>
      <xdr:row>36</xdr:row>
      <xdr:rowOff>49682</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40809</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6556</xdr:rowOff>
    </xdr:from>
    <xdr:to>
      <xdr:col>6</xdr:col>
      <xdr:colOff>38100</xdr:colOff>
      <xdr:row>36</xdr:row>
      <xdr:rowOff>6706</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077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69283</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170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70612</xdr:rowOff>
    </xdr:from>
    <xdr:to>
      <xdr:col>24</xdr:col>
      <xdr:colOff>114300</xdr:colOff>
      <xdr:row>35</xdr:row>
      <xdr:rowOff>762</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89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93489</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751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4678</xdr:rowOff>
    </xdr:from>
    <xdr:to>
      <xdr:col>20</xdr:col>
      <xdr:colOff>38100</xdr:colOff>
      <xdr:row>35</xdr:row>
      <xdr:rowOff>74828</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973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91355</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749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75184</xdr:rowOff>
    </xdr:from>
    <xdr:to>
      <xdr:col>15</xdr:col>
      <xdr:colOff>101600</xdr:colOff>
      <xdr:row>35</xdr:row>
      <xdr:rowOff>5334</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904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21861</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679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13131</xdr:rowOff>
    </xdr:from>
    <xdr:to>
      <xdr:col>10</xdr:col>
      <xdr:colOff>165100</xdr:colOff>
      <xdr:row>34</xdr:row>
      <xdr:rowOff>43281</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770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59808</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546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9825</xdr:rowOff>
    </xdr:from>
    <xdr:to>
      <xdr:col>6</xdr:col>
      <xdr:colOff>38100</xdr:colOff>
      <xdr:row>34</xdr:row>
      <xdr:rowOff>99975</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82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16502</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602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a:extLst>
            <a:ext uri="{FF2B5EF4-FFF2-40B4-BE49-F238E27FC236}">
              <a16:creationId xmlns:a16="http://schemas.microsoft.com/office/drawing/2014/main" id="{00000000-0008-0000-0700-00006F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3</xdr:row>
      <xdr:rowOff>92684</xdr:rowOff>
    </xdr:from>
    <xdr:to>
      <xdr:col>24</xdr:col>
      <xdr:colOff>62865</xdr:colOff>
      <xdr:row>59</xdr:row>
      <xdr:rowOff>120167</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flipV="1">
          <a:off x="4633595" y="9179534"/>
          <a:ext cx="1270" cy="10561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23994</xdr:rowOff>
    </xdr:from>
    <xdr:ext cx="534377" cy="259045"/>
    <xdr:sp macro="" textlink="">
      <xdr:nvSpPr>
        <xdr:cNvPr id="113" name="総務費最小値テキスト">
          <a:extLst>
            <a:ext uri="{FF2B5EF4-FFF2-40B4-BE49-F238E27FC236}">
              <a16:creationId xmlns:a16="http://schemas.microsoft.com/office/drawing/2014/main" id="{00000000-0008-0000-0700-000071000000}"/>
            </a:ext>
          </a:extLst>
        </xdr:cNvPr>
        <xdr:cNvSpPr txBox="1"/>
      </xdr:nvSpPr>
      <xdr:spPr>
        <a:xfrm>
          <a:off x="4686300" y="10239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20167</xdr:rowOff>
    </xdr:from>
    <xdr:to>
      <xdr:col>24</xdr:col>
      <xdr:colOff>152400</xdr:colOff>
      <xdr:row>59</xdr:row>
      <xdr:rowOff>120167</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4546600" y="10235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39361</xdr:rowOff>
    </xdr:from>
    <xdr:ext cx="599010" cy="259045"/>
    <xdr:sp macro="" textlink="">
      <xdr:nvSpPr>
        <xdr:cNvPr id="115" name="総務費最大値テキスト">
          <a:extLst>
            <a:ext uri="{FF2B5EF4-FFF2-40B4-BE49-F238E27FC236}">
              <a16:creationId xmlns:a16="http://schemas.microsoft.com/office/drawing/2014/main" id="{00000000-0008-0000-0700-000073000000}"/>
            </a:ext>
          </a:extLst>
        </xdr:cNvPr>
        <xdr:cNvSpPr txBox="1"/>
      </xdr:nvSpPr>
      <xdr:spPr>
        <a:xfrm>
          <a:off x="4686300" y="89547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2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3</xdr:row>
      <xdr:rowOff>92684</xdr:rowOff>
    </xdr:from>
    <xdr:to>
      <xdr:col>24</xdr:col>
      <xdr:colOff>152400</xdr:colOff>
      <xdr:row>53</xdr:row>
      <xdr:rowOff>92684</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4546600" y="91795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7031</xdr:rowOff>
    </xdr:from>
    <xdr:to>
      <xdr:col>24</xdr:col>
      <xdr:colOff>63500</xdr:colOff>
      <xdr:row>57</xdr:row>
      <xdr:rowOff>151067</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3797300" y="8760981"/>
          <a:ext cx="838200" cy="1162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4390</xdr:rowOff>
    </xdr:from>
    <xdr:ext cx="534377" cy="259045"/>
    <xdr:sp macro="" textlink="">
      <xdr:nvSpPr>
        <xdr:cNvPr id="118" name="総務費平均値テキスト">
          <a:extLst>
            <a:ext uri="{FF2B5EF4-FFF2-40B4-BE49-F238E27FC236}">
              <a16:creationId xmlns:a16="http://schemas.microsoft.com/office/drawing/2014/main" id="{00000000-0008-0000-0700-000076000000}"/>
            </a:ext>
          </a:extLst>
        </xdr:cNvPr>
        <xdr:cNvSpPr txBox="1"/>
      </xdr:nvSpPr>
      <xdr:spPr>
        <a:xfrm>
          <a:off x="4686300" y="9867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5963</xdr:rowOff>
    </xdr:from>
    <xdr:to>
      <xdr:col>24</xdr:col>
      <xdr:colOff>114300</xdr:colOff>
      <xdr:row>58</xdr:row>
      <xdr:rowOff>46113</xdr:rowOff>
    </xdr:to>
    <xdr:sp macro="" textlink="">
      <xdr:nvSpPr>
        <xdr:cNvPr id="119" name="フローチャート: 判断 118">
          <a:extLst>
            <a:ext uri="{FF2B5EF4-FFF2-40B4-BE49-F238E27FC236}">
              <a16:creationId xmlns:a16="http://schemas.microsoft.com/office/drawing/2014/main" id="{00000000-0008-0000-0700-000077000000}"/>
            </a:ext>
          </a:extLst>
        </xdr:cNvPr>
        <xdr:cNvSpPr/>
      </xdr:nvSpPr>
      <xdr:spPr>
        <a:xfrm>
          <a:off x="4584700" y="9888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7031</xdr:rowOff>
    </xdr:from>
    <xdr:to>
      <xdr:col>19</xdr:col>
      <xdr:colOff>177800</xdr:colOff>
      <xdr:row>58</xdr:row>
      <xdr:rowOff>67856</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2908300" y="8760981"/>
          <a:ext cx="889000" cy="125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0</xdr:row>
      <xdr:rowOff>130163</xdr:rowOff>
    </xdr:from>
    <xdr:to>
      <xdr:col>20</xdr:col>
      <xdr:colOff>38100</xdr:colOff>
      <xdr:row>51</xdr:row>
      <xdr:rowOff>60313</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3746500" y="8702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76840</xdr:rowOff>
    </xdr:from>
    <xdr:ext cx="599010"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3497795" y="84778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6279</xdr:rowOff>
    </xdr:from>
    <xdr:to>
      <xdr:col>15</xdr:col>
      <xdr:colOff>50800</xdr:colOff>
      <xdr:row>58</xdr:row>
      <xdr:rowOff>67856</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2019300" y="9990379"/>
          <a:ext cx="889000" cy="21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0241</xdr:rowOff>
    </xdr:from>
    <xdr:to>
      <xdr:col>15</xdr:col>
      <xdr:colOff>101600</xdr:colOff>
      <xdr:row>58</xdr:row>
      <xdr:rowOff>151841</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2857500" y="9994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42968</xdr:rowOff>
    </xdr:from>
    <xdr:ext cx="534377"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2641111" y="10087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46279</xdr:rowOff>
    </xdr:from>
    <xdr:to>
      <xdr:col>10</xdr:col>
      <xdr:colOff>114300</xdr:colOff>
      <xdr:row>58</xdr:row>
      <xdr:rowOff>117107</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1130300" y="9990379"/>
          <a:ext cx="889000" cy="70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1064</xdr:rowOff>
    </xdr:from>
    <xdr:to>
      <xdr:col>10</xdr:col>
      <xdr:colOff>165100</xdr:colOff>
      <xdr:row>59</xdr:row>
      <xdr:rowOff>11214</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1968500" y="1002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341</xdr:rowOff>
    </xdr:from>
    <xdr:ext cx="534377"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1752111" y="10117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0003</xdr:rowOff>
    </xdr:from>
    <xdr:to>
      <xdr:col>6</xdr:col>
      <xdr:colOff>38100</xdr:colOff>
      <xdr:row>58</xdr:row>
      <xdr:rowOff>121603</xdr:rowOff>
    </xdr:to>
    <xdr:sp macro="" textlink="">
      <xdr:nvSpPr>
        <xdr:cNvPr id="129" name="フローチャート: 判断 128">
          <a:extLst>
            <a:ext uri="{FF2B5EF4-FFF2-40B4-BE49-F238E27FC236}">
              <a16:creationId xmlns:a16="http://schemas.microsoft.com/office/drawing/2014/main" id="{00000000-0008-0000-0700-000081000000}"/>
            </a:ext>
          </a:extLst>
        </xdr:cNvPr>
        <xdr:cNvSpPr/>
      </xdr:nvSpPr>
      <xdr:spPr>
        <a:xfrm>
          <a:off x="1079500" y="9964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38130</xdr:rowOff>
    </xdr:from>
    <xdr:ext cx="534377"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863111" y="9739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0267</xdr:rowOff>
    </xdr:from>
    <xdr:to>
      <xdr:col>24</xdr:col>
      <xdr:colOff>114300</xdr:colOff>
      <xdr:row>58</xdr:row>
      <xdr:rowOff>30417</xdr:rowOff>
    </xdr:to>
    <xdr:sp macro="" textlink="">
      <xdr:nvSpPr>
        <xdr:cNvPr id="136" name="楕円 135">
          <a:extLst>
            <a:ext uri="{FF2B5EF4-FFF2-40B4-BE49-F238E27FC236}">
              <a16:creationId xmlns:a16="http://schemas.microsoft.com/office/drawing/2014/main" id="{00000000-0008-0000-0700-000088000000}"/>
            </a:ext>
          </a:extLst>
        </xdr:cNvPr>
        <xdr:cNvSpPr/>
      </xdr:nvSpPr>
      <xdr:spPr>
        <a:xfrm>
          <a:off x="4584700" y="9872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23144</xdr:rowOff>
    </xdr:from>
    <xdr:ext cx="534377" cy="259045"/>
    <xdr:sp macro="" textlink="">
      <xdr:nvSpPr>
        <xdr:cNvPr id="137" name="総務費該当値テキスト">
          <a:extLst>
            <a:ext uri="{FF2B5EF4-FFF2-40B4-BE49-F238E27FC236}">
              <a16:creationId xmlns:a16="http://schemas.microsoft.com/office/drawing/2014/main" id="{00000000-0008-0000-0700-000089000000}"/>
            </a:ext>
          </a:extLst>
        </xdr:cNvPr>
        <xdr:cNvSpPr txBox="1"/>
      </xdr:nvSpPr>
      <xdr:spPr>
        <a:xfrm>
          <a:off x="4686300" y="9724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0</xdr:row>
      <xdr:rowOff>137681</xdr:rowOff>
    </xdr:from>
    <xdr:to>
      <xdr:col>20</xdr:col>
      <xdr:colOff>38100</xdr:colOff>
      <xdr:row>51</xdr:row>
      <xdr:rowOff>67831</xdr:rowOff>
    </xdr:to>
    <xdr:sp macro="" textlink="">
      <xdr:nvSpPr>
        <xdr:cNvPr id="138" name="楕円 137">
          <a:extLst>
            <a:ext uri="{FF2B5EF4-FFF2-40B4-BE49-F238E27FC236}">
              <a16:creationId xmlns:a16="http://schemas.microsoft.com/office/drawing/2014/main" id="{00000000-0008-0000-0700-00008A000000}"/>
            </a:ext>
          </a:extLst>
        </xdr:cNvPr>
        <xdr:cNvSpPr/>
      </xdr:nvSpPr>
      <xdr:spPr>
        <a:xfrm>
          <a:off x="3746500" y="8710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1</xdr:row>
      <xdr:rowOff>58958</xdr:rowOff>
    </xdr:from>
    <xdr:ext cx="59901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3497795" y="8802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7056</xdr:rowOff>
    </xdr:from>
    <xdr:to>
      <xdr:col>15</xdr:col>
      <xdr:colOff>101600</xdr:colOff>
      <xdr:row>58</xdr:row>
      <xdr:rowOff>118656</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2857500" y="9961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35183</xdr:rowOff>
    </xdr:from>
    <xdr:ext cx="534377" cy="259045"/>
    <xdr:sp macro="" textlink="">
      <xdr:nvSpPr>
        <xdr:cNvPr id="141" name="テキスト ボックス 140">
          <a:extLst>
            <a:ext uri="{FF2B5EF4-FFF2-40B4-BE49-F238E27FC236}">
              <a16:creationId xmlns:a16="http://schemas.microsoft.com/office/drawing/2014/main" id="{00000000-0008-0000-0700-00008D000000}"/>
            </a:ext>
          </a:extLst>
        </xdr:cNvPr>
        <xdr:cNvSpPr txBox="1"/>
      </xdr:nvSpPr>
      <xdr:spPr>
        <a:xfrm>
          <a:off x="2641111" y="9736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6929</xdr:rowOff>
    </xdr:from>
    <xdr:to>
      <xdr:col>10</xdr:col>
      <xdr:colOff>165100</xdr:colOff>
      <xdr:row>58</xdr:row>
      <xdr:rowOff>97079</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1968500" y="9939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13606</xdr:rowOff>
    </xdr:from>
    <xdr:ext cx="534377"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1752111" y="9714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6307</xdr:rowOff>
    </xdr:from>
    <xdr:to>
      <xdr:col>6</xdr:col>
      <xdr:colOff>38100</xdr:colOff>
      <xdr:row>58</xdr:row>
      <xdr:rowOff>167907</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1079500" y="10010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9034</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863111" y="10103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a:extLst>
            <a:ext uri="{FF2B5EF4-FFF2-40B4-BE49-F238E27FC236}">
              <a16:creationId xmlns:a16="http://schemas.microsoft.com/office/drawing/2014/main" id="{00000000-0008-0000-0700-00009A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a:extLst>
            <a:ext uri="{FF2B5EF4-FFF2-40B4-BE49-F238E27FC236}">
              <a16:creationId xmlns:a16="http://schemas.microsoft.com/office/drawing/2014/main" id="{00000000-0008-0000-0700-00009B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6" name="テキスト ボックス 155">
          <a:extLst>
            <a:ext uri="{FF2B5EF4-FFF2-40B4-BE49-F238E27FC236}">
              <a16:creationId xmlns:a16="http://schemas.microsoft.com/office/drawing/2014/main" id="{00000000-0008-0000-0700-00009C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7" name="直線コネクタ 156">
          <a:extLst>
            <a:ext uri="{FF2B5EF4-FFF2-40B4-BE49-F238E27FC236}">
              <a16:creationId xmlns:a16="http://schemas.microsoft.com/office/drawing/2014/main" id="{00000000-0008-0000-0700-00009D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15828</xdr:rowOff>
    </xdr:from>
    <xdr:to>
      <xdr:col>24</xdr:col>
      <xdr:colOff>62865</xdr:colOff>
      <xdr:row>77</xdr:row>
      <xdr:rowOff>155800</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1945878"/>
          <a:ext cx="1270" cy="1411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9627</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3612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5800</xdr:rowOff>
    </xdr:from>
    <xdr:to>
      <xdr:col>24</xdr:col>
      <xdr:colOff>152400</xdr:colOff>
      <xdr:row>77</xdr:row>
      <xdr:rowOff>155800</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357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62505</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17211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9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15828</xdr:rowOff>
    </xdr:from>
    <xdr:to>
      <xdr:col>24</xdr:col>
      <xdr:colOff>152400</xdr:colOff>
      <xdr:row>69</xdr:row>
      <xdr:rowOff>115828</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1945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3268</xdr:rowOff>
    </xdr:from>
    <xdr:to>
      <xdr:col>24</xdr:col>
      <xdr:colOff>63500</xdr:colOff>
      <xdr:row>78</xdr:row>
      <xdr:rowOff>90562</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3797300" y="13254918"/>
          <a:ext cx="838200" cy="208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33276</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26491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10399</xdr:rowOff>
    </xdr:from>
    <xdr:to>
      <xdr:col>24</xdr:col>
      <xdr:colOff>114300</xdr:colOff>
      <xdr:row>75</xdr:row>
      <xdr:rowOff>40549</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90562</xdr:rowOff>
    </xdr:from>
    <xdr:to>
      <xdr:col>19</xdr:col>
      <xdr:colOff>177800</xdr:colOff>
      <xdr:row>78</xdr:row>
      <xdr:rowOff>99085</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463662"/>
          <a:ext cx="889000" cy="8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4236</xdr:rowOff>
    </xdr:from>
    <xdr:to>
      <xdr:col>20</xdr:col>
      <xdr:colOff>38100</xdr:colOff>
      <xdr:row>76</xdr:row>
      <xdr:rowOff>145836</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62363</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2849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99085</xdr:rowOff>
    </xdr:from>
    <xdr:to>
      <xdr:col>15</xdr:col>
      <xdr:colOff>50800</xdr:colOff>
      <xdr:row>79</xdr:row>
      <xdr:rowOff>1713</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472185"/>
          <a:ext cx="889000" cy="74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3716</xdr:rowOff>
    </xdr:from>
    <xdr:to>
      <xdr:col>15</xdr:col>
      <xdr:colOff>101600</xdr:colOff>
      <xdr:row>77</xdr:row>
      <xdr:rowOff>63866</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8039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2939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44304</xdr:rowOff>
    </xdr:from>
    <xdr:to>
      <xdr:col>10</xdr:col>
      <xdr:colOff>114300</xdr:colOff>
      <xdr:row>79</xdr:row>
      <xdr:rowOff>1713</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a:off x="1130300" y="13517404"/>
          <a:ext cx="889000" cy="28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2034</xdr:rowOff>
    </xdr:from>
    <xdr:to>
      <xdr:col>10</xdr:col>
      <xdr:colOff>165100</xdr:colOff>
      <xdr:row>77</xdr:row>
      <xdr:rowOff>133634</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50161</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300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796</xdr:rowOff>
    </xdr:from>
    <xdr:to>
      <xdr:col>6</xdr:col>
      <xdr:colOff>38100</xdr:colOff>
      <xdr:row>77</xdr:row>
      <xdr:rowOff>113396</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213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29923</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2988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468</xdr:rowOff>
    </xdr:from>
    <xdr:to>
      <xdr:col>24</xdr:col>
      <xdr:colOff>114300</xdr:colOff>
      <xdr:row>77</xdr:row>
      <xdr:rowOff>104068</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204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88845</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119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9762</xdr:rowOff>
    </xdr:from>
    <xdr:to>
      <xdr:col>20</xdr:col>
      <xdr:colOff>38100</xdr:colOff>
      <xdr:row>78</xdr:row>
      <xdr:rowOff>141362</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412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32489</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5055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48285</xdr:rowOff>
    </xdr:from>
    <xdr:to>
      <xdr:col>15</xdr:col>
      <xdr:colOff>101600</xdr:colOff>
      <xdr:row>78</xdr:row>
      <xdr:rowOff>149885</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421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41012</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514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2363</xdr:rowOff>
    </xdr:from>
    <xdr:to>
      <xdr:col>10</xdr:col>
      <xdr:colOff>165100</xdr:colOff>
      <xdr:row>79</xdr:row>
      <xdr:rowOff>52513</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495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43640</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5881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3504</xdr:rowOff>
    </xdr:from>
    <xdr:to>
      <xdr:col>6</xdr:col>
      <xdr:colOff>38100</xdr:colOff>
      <xdr:row>79</xdr:row>
      <xdr:rowOff>23654</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466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4781</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5593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54627</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0</xdr:row>
      <xdr:rowOff>111777</xdr:rowOff>
    </xdr:from>
    <xdr:ext cx="53129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230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8</xdr:row>
      <xdr:rowOff>168927</xdr:rowOff>
    </xdr:from>
    <xdr:ext cx="531299"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230701" y="15256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2" name="テキスト ボックス 231">
          <a:extLst>
            <a:ext uri="{FF2B5EF4-FFF2-40B4-BE49-F238E27FC236}">
              <a16:creationId xmlns:a16="http://schemas.microsoft.com/office/drawing/2014/main" id="{00000000-0008-0000-0700-0000E8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衛生費グラフ枠">
          <a:extLst>
            <a:ext uri="{FF2B5EF4-FFF2-40B4-BE49-F238E27FC236}">
              <a16:creationId xmlns:a16="http://schemas.microsoft.com/office/drawing/2014/main" id="{00000000-0008-0000-0700-0000E9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0552</xdr:rowOff>
    </xdr:from>
    <xdr:to>
      <xdr:col>24</xdr:col>
      <xdr:colOff>62865</xdr:colOff>
      <xdr:row>98</xdr:row>
      <xdr:rowOff>109953</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flipV="1">
          <a:off x="4633595" y="15531052"/>
          <a:ext cx="1270" cy="1381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3780</xdr:rowOff>
    </xdr:from>
    <xdr:ext cx="534377" cy="259045"/>
    <xdr:sp macro="" textlink="">
      <xdr:nvSpPr>
        <xdr:cNvPr id="235" name="衛生費最小値テキスト">
          <a:extLst>
            <a:ext uri="{FF2B5EF4-FFF2-40B4-BE49-F238E27FC236}">
              <a16:creationId xmlns:a16="http://schemas.microsoft.com/office/drawing/2014/main" id="{00000000-0008-0000-0700-0000EB000000}"/>
            </a:ext>
          </a:extLst>
        </xdr:cNvPr>
        <xdr:cNvSpPr txBox="1"/>
      </xdr:nvSpPr>
      <xdr:spPr>
        <a:xfrm>
          <a:off x="4686300" y="16915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9953</xdr:rowOff>
    </xdr:from>
    <xdr:to>
      <xdr:col>24</xdr:col>
      <xdr:colOff>152400</xdr:colOff>
      <xdr:row>98</xdr:row>
      <xdr:rowOff>109953</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4546600" y="16912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7229</xdr:rowOff>
    </xdr:from>
    <xdr:ext cx="534377" cy="259045"/>
    <xdr:sp macro="" textlink="">
      <xdr:nvSpPr>
        <xdr:cNvPr id="237" name="衛生費最大値テキスト">
          <a:extLst>
            <a:ext uri="{FF2B5EF4-FFF2-40B4-BE49-F238E27FC236}">
              <a16:creationId xmlns:a16="http://schemas.microsoft.com/office/drawing/2014/main" id="{00000000-0008-0000-0700-0000ED000000}"/>
            </a:ext>
          </a:extLst>
        </xdr:cNvPr>
        <xdr:cNvSpPr txBox="1"/>
      </xdr:nvSpPr>
      <xdr:spPr>
        <a:xfrm>
          <a:off x="4686300" y="15306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3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0552</xdr:rowOff>
    </xdr:from>
    <xdr:to>
      <xdr:col>24</xdr:col>
      <xdr:colOff>152400</xdr:colOff>
      <xdr:row>90</xdr:row>
      <xdr:rowOff>100552</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4546600" y="15531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8095</xdr:rowOff>
    </xdr:from>
    <xdr:to>
      <xdr:col>24</xdr:col>
      <xdr:colOff>63500</xdr:colOff>
      <xdr:row>98</xdr:row>
      <xdr:rowOff>1226</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3797300" y="16557295"/>
          <a:ext cx="838200" cy="246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4612</xdr:rowOff>
    </xdr:from>
    <xdr:ext cx="534377" cy="259045"/>
    <xdr:sp macro="" textlink="">
      <xdr:nvSpPr>
        <xdr:cNvPr id="240" name="衛生費平均値テキスト">
          <a:extLst>
            <a:ext uri="{FF2B5EF4-FFF2-40B4-BE49-F238E27FC236}">
              <a16:creationId xmlns:a16="http://schemas.microsoft.com/office/drawing/2014/main" id="{00000000-0008-0000-0700-0000F0000000}"/>
            </a:ext>
          </a:extLst>
        </xdr:cNvPr>
        <xdr:cNvSpPr txBox="1"/>
      </xdr:nvSpPr>
      <xdr:spPr>
        <a:xfrm>
          <a:off x="4686300" y="162709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1735</xdr:rowOff>
    </xdr:from>
    <xdr:to>
      <xdr:col>24</xdr:col>
      <xdr:colOff>114300</xdr:colOff>
      <xdr:row>96</xdr:row>
      <xdr:rowOff>61885</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4584700" y="1641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226</xdr:rowOff>
    </xdr:from>
    <xdr:to>
      <xdr:col>19</xdr:col>
      <xdr:colOff>177800</xdr:colOff>
      <xdr:row>98</xdr:row>
      <xdr:rowOff>20743</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908300" y="16803326"/>
          <a:ext cx="889000" cy="19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90900</xdr:rowOff>
    </xdr:from>
    <xdr:to>
      <xdr:col>20</xdr:col>
      <xdr:colOff>38100</xdr:colOff>
      <xdr:row>98</xdr:row>
      <xdr:rowOff>21050</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3746500" y="16721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37577</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3530111" y="16496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4675</xdr:rowOff>
    </xdr:from>
    <xdr:to>
      <xdr:col>15</xdr:col>
      <xdr:colOff>50800</xdr:colOff>
      <xdr:row>98</xdr:row>
      <xdr:rowOff>20743</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a:off x="2019300" y="16795325"/>
          <a:ext cx="889000" cy="27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23961</xdr:rowOff>
    </xdr:from>
    <xdr:to>
      <xdr:col>15</xdr:col>
      <xdr:colOff>101600</xdr:colOff>
      <xdr:row>98</xdr:row>
      <xdr:rowOff>54111</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2857500" y="16754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70638</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2641111" y="16529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4675</xdr:rowOff>
    </xdr:from>
    <xdr:to>
      <xdr:col>10</xdr:col>
      <xdr:colOff>114300</xdr:colOff>
      <xdr:row>98</xdr:row>
      <xdr:rowOff>19086</xdr:rowOff>
    </xdr:to>
    <xdr:cxnSp macro="">
      <xdr:nvCxnSpPr>
        <xdr:cNvPr id="248" name="直線コネクタ 247">
          <a:extLst>
            <a:ext uri="{FF2B5EF4-FFF2-40B4-BE49-F238E27FC236}">
              <a16:creationId xmlns:a16="http://schemas.microsoft.com/office/drawing/2014/main" id="{00000000-0008-0000-0700-0000F8000000}"/>
            </a:ext>
          </a:extLst>
        </xdr:cNvPr>
        <xdr:cNvCxnSpPr/>
      </xdr:nvCxnSpPr>
      <xdr:spPr>
        <a:xfrm flipV="1">
          <a:off x="1130300" y="16795325"/>
          <a:ext cx="889000" cy="25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57680</xdr:rowOff>
    </xdr:from>
    <xdr:to>
      <xdr:col>10</xdr:col>
      <xdr:colOff>165100</xdr:colOff>
      <xdr:row>98</xdr:row>
      <xdr:rowOff>87830</xdr:rowOff>
    </xdr:to>
    <xdr:sp macro="" textlink="">
      <xdr:nvSpPr>
        <xdr:cNvPr id="249" name="フローチャート: 判断 248">
          <a:extLst>
            <a:ext uri="{FF2B5EF4-FFF2-40B4-BE49-F238E27FC236}">
              <a16:creationId xmlns:a16="http://schemas.microsoft.com/office/drawing/2014/main" id="{00000000-0008-0000-0700-0000F9000000}"/>
            </a:ext>
          </a:extLst>
        </xdr:cNvPr>
        <xdr:cNvSpPr/>
      </xdr:nvSpPr>
      <xdr:spPr>
        <a:xfrm>
          <a:off x="1968500" y="1678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78957</xdr:rowOff>
    </xdr:from>
    <xdr:ext cx="534377"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752111" y="16881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1164</xdr:rowOff>
    </xdr:from>
    <xdr:to>
      <xdr:col>6</xdr:col>
      <xdr:colOff>38100</xdr:colOff>
      <xdr:row>98</xdr:row>
      <xdr:rowOff>81314</xdr:rowOff>
    </xdr:to>
    <xdr:sp macro="" textlink="">
      <xdr:nvSpPr>
        <xdr:cNvPr id="251" name="フローチャート: 判断 250">
          <a:extLst>
            <a:ext uri="{FF2B5EF4-FFF2-40B4-BE49-F238E27FC236}">
              <a16:creationId xmlns:a16="http://schemas.microsoft.com/office/drawing/2014/main" id="{00000000-0008-0000-0700-0000FB000000}"/>
            </a:ext>
          </a:extLst>
        </xdr:cNvPr>
        <xdr:cNvSpPr/>
      </xdr:nvSpPr>
      <xdr:spPr>
        <a:xfrm>
          <a:off x="1079500" y="1678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2441</xdr:rowOff>
    </xdr:from>
    <xdr:ext cx="534377"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863111" y="16874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7295</xdr:rowOff>
    </xdr:from>
    <xdr:to>
      <xdr:col>24</xdr:col>
      <xdr:colOff>114300</xdr:colOff>
      <xdr:row>96</xdr:row>
      <xdr:rowOff>148895</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4584700" y="16506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5722</xdr:rowOff>
    </xdr:from>
    <xdr:ext cx="534377" cy="259045"/>
    <xdr:sp macro="" textlink="">
      <xdr:nvSpPr>
        <xdr:cNvPr id="259" name="衛生費該当値テキスト">
          <a:extLst>
            <a:ext uri="{FF2B5EF4-FFF2-40B4-BE49-F238E27FC236}">
              <a16:creationId xmlns:a16="http://schemas.microsoft.com/office/drawing/2014/main" id="{00000000-0008-0000-0700-000003010000}"/>
            </a:ext>
          </a:extLst>
        </xdr:cNvPr>
        <xdr:cNvSpPr txBox="1"/>
      </xdr:nvSpPr>
      <xdr:spPr>
        <a:xfrm>
          <a:off x="4686300" y="16484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1876</xdr:rowOff>
    </xdr:from>
    <xdr:to>
      <xdr:col>20</xdr:col>
      <xdr:colOff>38100</xdr:colOff>
      <xdr:row>98</xdr:row>
      <xdr:rowOff>52026</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3746500" y="1675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3153</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3530111" y="16845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1393</xdr:rowOff>
    </xdr:from>
    <xdr:to>
      <xdr:col>15</xdr:col>
      <xdr:colOff>101600</xdr:colOff>
      <xdr:row>98</xdr:row>
      <xdr:rowOff>71543</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2857500" y="16772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2670</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2641111" y="16864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3875</xdr:rowOff>
    </xdr:from>
    <xdr:to>
      <xdr:col>10</xdr:col>
      <xdr:colOff>165100</xdr:colOff>
      <xdr:row>98</xdr:row>
      <xdr:rowOff>44025</xdr:rowOff>
    </xdr:to>
    <xdr:sp macro="" textlink="">
      <xdr:nvSpPr>
        <xdr:cNvPr id="264" name="楕円 263">
          <a:extLst>
            <a:ext uri="{FF2B5EF4-FFF2-40B4-BE49-F238E27FC236}">
              <a16:creationId xmlns:a16="http://schemas.microsoft.com/office/drawing/2014/main" id="{00000000-0008-0000-0700-000008010000}"/>
            </a:ext>
          </a:extLst>
        </xdr:cNvPr>
        <xdr:cNvSpPr/>
      </xdr:nvSpPr>
      <xdr:spPr>
        <a:xfrm>
          <a:off x="1968500" y="1674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60552</xdr:rowOff>
    </xdr:from>
    <xdr:ext cx="534377"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1752111" y="16519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9736</xdr:rowOff>
    </xdr:from>
    <xdr:to>
      <xdr:col>6</xdr:col>
      <xdr:colOff>38100</xdr:colOff>
      <xdr:row>98</xdr:row>
      <xdr:rowOff>69886</xdr:rowOff>
    </xdr:to>
    <xdr:sp macro="" textlink="">
      <xdr:nvSpPr>
        <xdr:cNvPr id="266" name="楕円 265">
          <a:extLst>
            <a:ext uri="{FF2B5EF4-FFF2-40B4-BE49-F238E27FC236}">
              <a16:creationId xmlns:a16="http://schemas.microsoft.com/office/drawing/2014/main" id="{00000000-0008-0000-0700-00000A010000}"/>
            </a:ext>
          </a:extLst>
        </xdr:cNvPr>
        <xdr:cNvSpPr/>
      </xdr:nvSpPr>
      <xdr:spPr>
        <a:xfrm>
          <a:off x="1079500" y="16770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86413</xdr:rowOff>
    </xdr:from>
    <xdr:ext cx="534377"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863111" y="16545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a:extLst>
            <a:ext uri="{FF2B5EF4-FFF2-40B4-BE49-F238E27FC236}">
              <a16:creationId xmlns:a16="http://schemas.microsoft.com/office/drawing/2014/main" id="{00000000-0008-0000-0700-000013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9" name="テキスト ボックス 288">
          <a:extLst>
            <a:ext uri="{FF2B5EF4-FFF2-40B4-BE49-F238E27FC236}">
              <a16:creationId xmlns:a16="http://schemas.microsoft.com/office/drawing/2014/main" id="{00000000-0008-0000-0700-000021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労働費グラフ枠">
          <a:extLst>
            <a:ext uri="{FF2B5EF4-FFF2-40B4-BE49-F238E27FC236}">
              <a16:creationId xmlns:a16="http://schemas.microsoft.com/office/drawing/2014/main" id="{00000000-0008-0000-07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40462</xdr:rowOff>
    </xdr:from>
    <xdr:to>
      <xdr:col>54</xdr:col>
      <xdr:colOff>189865</xdr:colOff>
      <xdr:row>39</xdr:row>
      <xdr:rowOff>44069</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10475595" y="5455412"/>
          <a:ext cx="1270" cy="1275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896</xdr:rowOff>
    </xdr:from>
    <xdr:ext cx="249299" cy="259045"/>
    <xdr:sp macro="" textlink="">
      <xdr:nvSpPr>
        <xdr:cNvPr id="292" name="労働費最小値テキスト">
          <a:extLst>
            <a:ext uri="{FF2B5EF4-FFF2-40B4-BE49-F238E27FC236}">
              <a16:creationId xmlns:a16="http://schemas.microsoft.com/office/drawing/2014/main" id="{00000000-0008-0000-0700-000024010000}"/>
            </a:ext>
          </a:extLst>
        </xdr:cNvPr>
        <xdr:cNvSpPr txBox="1"/>
      </xdr:nvSpPr>
      <xdr:spPr>
        <a:xfrm>
          <a:off x="10528300" y="67344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069</xdr:rowOff>
    </xdr:from>
    <xdr:to>
      <xdr:col>55</xdr:col>
      <xdr:colOff>88900</xdr:colOff>
      <xdr:row>39</xdr:row>
      <xdr:rowOff>44069</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10388600" y="6730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7139</xdr:rowOff>
    </xdr:from>
    <xdr:ext cx="469744" cy="259045"/>
    <xdr:sp macro="" textlink="">
      <xdr:nvSpPr>
        <xdr:cNvPr id="294" name="労働費最大値テキスト">
          <a:extLst>
            <a:ext uri="{FF2B5EF4-FFF2-40B4-BE49-F238E27FC236}">
              <a16:creationId xmlns:a16="http://schemas.microsoft.com/office/drawing/2014/main" id="{00000000-0008-0000-0700-000026010000}"/>
            </a:ext>
          </a:extLst>
        </xdr:cNvPr>
        <xdr:cNvSpPr txBox="1"/>
      </xdr:nvSpPr>
      <xdr:spPr>
        <a:xfrm>
          <a:off x="10528300" y="5230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40462</xdr:rowOff>
    </xdr:from>
    <xdr:to>
      <xdr:col>55</xdr:col>
      <xdr:colOff>88900</xdr:colOff>
      <xdr:row>31</xdr:row>
      <xdr:rowOff>140462</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10388600" y="5455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48641</xdr:rowOff>
    </xdr:from>
    <xdr:to>
      <xdr:col>55</xdr:col>
      <xdr:colOff>0</xdr:colOff>
      <xdr:row>38</xdr:row>
      <xdr:rowOff>50546</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flipV="1">
          <a:off x="9639300" y="6563741"/>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3197</xdr:rowOff>
    </xdr:from>
    <xdr:ext cx="378565" cy="259045"/>
    <xdr:sp macro="" textlink="">
      <xdr:nvSpPr>
        <xdr:cNvPr id="297" name="労働費平均値テキスト">
          <a:extLst>
            <a:ext uri="{FF2B5EF4-FFF2-40B4-BE49-F238E27FC236}">
              <a16:creationId xmlns:a16="http://schemas.microsoft.com/office/drawing/2014/main" id="{00000000-0008-0000-0700-000029010000}"/>
            </a:ext>
          </a:extLst>
        </xdr:cNvPr>
        <xdr:cNvSpPr txBox="1"/>
      </xdr:nvSpPr>
      <xdr:spPr>
        <a:xfrm>
          <a:off x="10528300" y="62153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0320</xdr:rowOff>
    </xdr:from>
    <xdr:to>
      <xdr:col>55</xdr:col>
      <xdr:colOff>50800</xdr:colOff>
      <xdr:row>37</xdr:row>
      <xdr:rowOff>121920</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104267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0546</xdr:rowOff>
    </xdr:from>
    <xdr:to>
      <xdr:col>50</xdr:col>
      <xdr:colOff>114300</xdr:colOff>
      <xdr:row>38</xdr:row>
      <xdr:rowOff>55118</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8750300" y="656564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7178</xdr:rowOff>
    </xdr:from>
    <xdr:to>
      <xdr:col>50</xdr:col>
      <xdr:colOff>165100</xdr:colOff>
      <xdr:row>37</xdr:row>
      <xdr:rowOff>128778</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9588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45305</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9450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31877</xdr:rowOff>
    </xdr:from>
    <xdr:to>
      <xdr:col>45</xdr:col>
      <xdr:colOff>177800</xdr:colOff>
      <xdr:row>38</xdr:row>
      <xdr:rowOff>55118</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a:off x="7861300" y="6546977"/>
          <a:ext cx="8890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59766</xdr:rowOff>
    </xdr:from>
    <xdr:to>
      <xdr:col>46</xdr:col>
      <xdr:colOff>38100</xdr:colOff>
      <xdr:row>37</xdr:row>
      <xdr:rowOff>89916</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8699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06443</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8561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30734</xdr:rowOff>
    </xdr:from>
    <xdr:to>
      <xdr:col>41</xdr:col>
      <xdr:colOff>50800</xdr:colOff>
      <xdr:row>38</xdr:row>
      <xdr:rowOff>31877</xdr:rowOff>
    </xdr:to>
    <xdr:cxnSp macro="">
      <xdr:nvCxnSpPr>
        <xdr:cNvPr id="305" name="直線コネクタ 304">
          <a:extLst>
            <a:ext uri="{FF2B5EF4-FFF2-40B4-BE49-F238E27FC236}">
              <a16:creationId xmlns:a16="http://schemas.microsoft.com/office/drawing/2014/main" id="{00000000-0008-0000-0700-000031010000}"/>
            </a:ext>
          </a:extLst>
        </xdr:cNvPr>
        <xdr:cNvCxnSpPr/>
      </xdr:nvCxnSpPr>
      <xdr:spPr>
        <a:xfrm>
          <a:off x="6972300" y="6545834"/>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31750</xdr:rowOff>
    </xdr:from>
    <xdr:to>
      <xdr:col>41</xdr:col>
      <xdr:colOff>101600</xdr:colOff>
      <xdr:row>36</xdr:row>
      <xdr:rowOff>133350</xdr:rowOff>
    </xdr:to>
    <xdr:sp macro="" textlink="">
      <xdr:nvSpPr>
        <xdr:cNvPr id="306" name="フローチャート: 判断 305">
          <a:extLst>
            <a:ext uri="{FF2B5EF4-FFF2-40B4-BE49-F238E27FC236}">
              <a16:creationId xmlns:a16="http://schemas.microsoft.com/office/drawing/2014/main" id="{00000000-0008-0000-0700-000032010000}"/>
            </a:ext>
          </a:extLst>
        </xdr:cNvPr>
        <xdr:cNvSpPr/>
      </xdr:nvSpPr>
      <xdr:spPr>
        <a:xfrm>
          <a:off x="7810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149877</xdr:rowOff>
    </xdr:from>
    <xdr:ext cx="469744"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26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89</xdr:rowOff>
    </xdr:from>
    <xdr:to>
      <xdr:col>36</xdr:col>
      <xdr:colOff>165100</xdr:colOff>
      <xdr:row>37</xdr:row>
      <xdr:rowOff>102489</xdr:rowOff>
    </xdr:to>
    <xdr:sp macro="" textlink="">
      <xdr:nvSpPr>
        <xdr:cNvPr id="308" name="フローチャート: 判断 307">
          <a:extLst>
            <a:ext uri="{FF2B5EF4-FFF2-40B4-BE49-F238E27FC236}">
              <a16:creationId xmlns:a16="http://schemas.microsoft.com/office/drawing/2014/main" id="{00000000-0008-0000-0700-000034010000}"/>
            </a:ext>
          </a:extLst>
        </xdr:cNvPr>
        <xdr:cNvSpPr/>
      </xdr:nvSpPr>
      <xdr:spPr>
        <a:xfrm>
          <a:off x="6921500" y="6344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19016</xdr:rowOff>
    </xdr:from>
    <xdr:ext cx="378565"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3017" y="6119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69291</xdr:rowOff>
    </xdr:from>
    <xdr:to>
      <xdr:col>55</xdr:col>
      <xdr:colOff>50800</xdr:colOff>
      <xdr:row>38</xdr:row>
      <xdr:rowOff>99441</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10426700" y="6512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47718</xdr:rowOff>
    </xdr:from>
    <xdr:ext cx="378565" cy="259045"/>
    <xdr:sp macro="" textlink="">
      <xdr:nvSpPr>
        <xdr:cNvPr id="316" name="労働費該当値テキスト">
          <a:extLst>
            <a:ext uri="{FF2B5EF4-FFF2-40B4-BE49-F238E27FC236}">
              <a16:creationId xmlns:a16="http://schemas.microsoft.com/office/drawing/2014/main" id="{00000000-0008-0000-0700-00003C010000}"/>
            </a:ext>
          </a:extLst>
        </xdr:cNvPr>
        <xdr:cNvSpPr txBox="1"/>
      </xdr:nvSpPr>
      <xdr:spPr>
        <a:xfrm>
          <a:off x="10528300" y="64913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71196</xdr:rowOff>
    </xdr:from>
    <xdr:to>
      <xdr:col>50</xdr:col>
      <xdr:colOff>165100</xdr:colOff>
      <xdr:row>38</xdr:row>
      <xdr:rowOff>101346</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9588500" y="6514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92473</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9450017" y="66075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4318</xdr:rowOff>
    </xdr:from>
    <xdr:to>
      <xdr:col>46</xdr:col>
      <xdr:colOff>38100</xdr:colOff>
      <xdr:row>38</xdr:row>
      <xdr:rowOff>105918</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8699500" y="6519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97045</xdr:rowOff>
    </xdr:from>
    <xdr:ext cx="378565"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8561017" y="66121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52527</xdr:rowOff>
    </xdr:from>
    <xdr:to>
      <xdr:col>41</xdr:col>
      <xdr:colOff>101600</xdr:colOff>
      <xdr:row>38</xdr:row>
      <xdr:rowOff>82677</xdr:rowOff>
    </xdr:to>
    <xdr:sp macro="" textlink="">
      <xdr:nvSpPr>
        <xdr:cNvPr id="321" name="楕円 320">
          <a:extLst>
            <a:ext uri="{FF2B5EF4-FFF2-40B4-BE49-F238E27FC236}">
              <a16:creationId xmlns:a16="http://schemas.microsoft.com/office/drawing/2014/main" id="{00000000-0008-0000-0700-000041010000}"/>
            </a:ext>
          </a:extLst>
        </xdr:cNvPr>
        <xdr:cNvSpPr/>
      </xdr:nvSpPr>
      <xdr:spPr>
        <a:xfrm>
          <a:off x="7810500" y="6496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73804</xdr:rowOff>
    </xdr:from>
    <xdr:ext cx="378565"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7672017" y="65889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1384</xdr:rowOff>
    </xdr:from>
    <xdr:to>
      <xdr:col>36</xdr:col>
      <xdr:colOff>165100</xdr:colOff>
      <xdr:row>38</xdr:row>
      <xdr:rowOff>81535</xdr:rowOff>
    </xdr:to>
    <xdr:sp macro="" textlink="">
      <xdr:nvSpPr>
        <xdr:cNvPr id="323" name="楕円 322">
          <a:extLst>
            <a:ext uri="{FF2B5EF4-FFF2-40B4-BE49-F238E27FC236}">
              <a16:creationId xmlns:a16="http://schemas.microsoft.com/office/drawing/2014/main" id="{00000000-0008-0000-0700-000043010000}"/>
            </a:ext>
          </a:extLst>
        </xdr:cNvPr>
        <xdr:cNvSpPr/>
      </xdr:nvSpPr>
      <xdr:spPr>
        <a:xfrm>
          <a:off x="6921500" y="649503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2661</xdr:rowOff>
    </xdr:from>
    <xdr:ext cx="378565"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783017" y="65877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a16="http://schemas.microsoft.com/office/drawing/2014/main" id="{00000000-0008-0000-07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54627</xdr:rowOff>
    </xdr:from>
    <xdr:ext cx="46717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136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農林水産業費グラフ枠">
          <a:extLst>
            <a:ext uri="{FF2B5EF4-FFF2-40B4-BE49-F238E27FC236}">
              <a16:creationId xmlns:a16="http://schemas.microsoft.com/office/drawing/2014/main" id="{00000000-0008-0000-07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02301</xdr:rowOff>
    </xdr:from>
    <xdr:to>
      <xdr:col>54</xdr:col>
      <xdr:colOff>189865</xdr:colOff>
      <xdr:row>58</xdr:row>
      <xdr:rowOff>134396</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10475595" y="8674801"/>
          <a:ext cx="1270" cy="14036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8223</xdr:rowOff>
    </xdr:from>
    <xdr:ext cx="313932" cy="259045"/>
    <xdr:sp macro="" textlink="">
      <xdr:nvSpPr>
        <xdr:cNvPr id="347" name="農林水産業費最小値テキスト">
          <a:extLst>
            <a:ext uri="{FF2B5EF4-FFF2-40B4-BE49-F238E27FC236}">
              <a16:creationId xmlns:a16="http://schemas.microsoft.com/office/drawing/2014/main" id="{00000000-0008-0000-0700-00005B010000}"/>
            </a:ext>
          </a:extLst>
        </xdr:cNvPr>
        <xdr:cNvSpPr txBox="1"/>
      </xdr:nvSpPr>
      <xdr:spPr>
        <a:xfrm>
          <a:off x="10528300" y="1008232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4396</xdr:rowOff>
    </xdr:from>
    <xdr:to>
      <xdr:col>55</xdr:col>
      <xdr:colOff>88900</xdr:colOff>
      <xdr:row>58</xdr:row>
      <xdr:rowOff>134396</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10388600" y="10078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48978</xdr:rowOff>
    </xdr:from>
    <xdr:ext cx="534377" cy="259045"/>
    <xdr:sp macro="" textlink="">
      <xdr:nvSpPr>
        <xdr:cNvPr id="349" name="農林水産業費最大値テキスト">
          <a:extLst>
            <a:ext uri="{FF2B5EF4-FFF2-40B4-BE49-F238E27FC236}">
              <a16:creationId xmlns:a16="http://schemas.microsoft.com/office/drawing/2014/main" id="{00000000-0008-0000-0700-00005D010000}"/>
            </a:ext>
          </a:extLst>
        </xdr:cNvPr>
        <xdr:cNvSpPr txBox="1"/>
      </xdr:nvSpPr>
      <xdr:spPr>
        <a:xfrm>
          <a:off x="10528300" y="8450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40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02301</xdr:rowOff>
    </xdr:from>
    <xdr:to>
      <xdr:col>55</xdr:col>
      <xdr:colOff>88900</xdr:colOff>
      <xdr:row>50</xdr:row>
      <xdr:rowOff>102301</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10388600" y="8674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6789</xdr:rowOff>
    </xdr:from>
    <xdr:to>
      <xdr:col>55</xdr:col>
      <xdr:colOff>0</xdr:colOff>
      <xdr:row>58</xdr:row>
      <xdr:rowOff>82001</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9639300" y="10020889"/>
          <a:ext cx="838200" cy="5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7861</xdr:rowOff>
    </xdr:from>
    <xdr:ext cx="469744" cy="259045"/>
    <xdr:sp macro="" textlink="">
      <xdr:nvSpPr>
        <xdr:cNvPr id="352" name="農林水産業費平均値テキスト">
          <a:extLst>
            <a:ext uri="{FF2B5EF4-FFF2-40B4-BE49-F238E27FC236}">
              <a16:creationId xmlns:a16="http://schemas.microsoft.com/office/drawing/2014/main" id="{00000000-0008-0000-0700-000060010000}"/>
            </a:ext>
          </a:extLst>
        </xdr:cNvPr>
        <xdr:cNvSpPr txBox="1"/>
      </xdr:nvSpPr>
      <xdr:spPr>
        <a:xfrm>
          <a:off x="10528300" y="96490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4984</xdr:rowOff>
    </xdr:from>
    <xdr:to>
      <xdr:col>55</xdr:col>
      <xdr:colOff>50800</xdr:colOff>
      <xdr:row>57</xdr:row>
      <xdr:rowOff>126584</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10426700" y="9797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76789</xdr:rowOff>
    </xdr:from>
    <xdr:to>
      <xdr:col>50</xdr:col>
      <xdr:colOff>114300</xdr:colOff>
      <xdr:row>58</xdr:row>
      <xdr:rowOff>89043</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8750300" y="10020889"/>
          <a:ext cx="889000" cy="12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1725</xdr:rowOff>
    </xdr:from>
    <xdr:to>
      <xdr:col>50</xdr:col>
      <xdr:colOff>165100</xdr:colOff>
      <xdr:row>57</xdr:row>
      <xdr:rowOff>113325</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9588500" y="978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29852</xdr:rowOff>
    </xdr:from>
    <xdr:ext cx="469744"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9404428" y="9559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1742</xdr:rowOff>
    </xdr:from>
    <xdr:to>
      <xdr:col>45</xdr:col>
      <xdr:colOff>177800</xdr:colOff>
      <xdr:row>58</xdr:row>
      <xdr:rowOff>89043</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a:off x="7861300" y="9965842"/>
          <a:ext cx="889000" cy="67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9314</xdr:rowOff>
    </xdr:from>
    <xdr:to>
      <xdr:col>46</xdr:col>
      <xdr:colOff>38100</xdr:colOff>
      <xdr:row>57</xdr:row>
      <xdr:rowOff>12091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8699500" y="9791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7441</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8515428" y="9567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21742</xdr:rowOff>
    </xdr:from>
    <xdr:to>
      <xdr:col>41</xdr:col>
      <xdr:colOff>50800</xdr:colOff>
      <xdr:row>58</xdr:row>
      <xdr:rowOff>91054</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flipV="1">
          <a:off x="6972300" y="9965842"/>
          <a:ext cx="889000" cy="69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9830</xdr:rowOff>
    </xdr:from>
    <xdr:to>
      <xdr:col>41</xdr:col>
      <xdr:colOff>101600</xdr:colOff>
      <xdr:row>57</xdr:row>
      <xdr:rowOff>131430</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7810500" y="980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7957</xdr:rowOff>
    </xdr:from>
    <xdr:ext cx="469744"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7626428" y="9577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2999</xdr:rowOff>
    </xdr:from>
    <xdr:to>
      <xdr:col>36</xdr:col>
      <xdr:colOff>165100</xdr:colOff>
      <xdr:row>57</xdr:row>
      <xdr:rowOff>83149</xdr:rowOff>
    </xdr:to>
    <xdr:sp macro="" textlink="">
      <xdr:nvSpPr>
        <xdr:cNvPr id="363" name="フローチャート: 判断 362">
          <a:extLst>
            <a:ext uri="{FF2B5EF4-FFF2-40B4-BE49-F238E27FC236}">
              <a16:creationId xmlns:a16="http://schemas.microsoft.com/office/drawing/2014/main" id="{00000000-0008-0000-0700-00006B010000}"/>
            </a:ext>
          </a:extLst>
        </xdr:cNvPr>
        <xdr:cNvSpPr/>
      </xdr:nvSpPr>
      <xdr:spPr>
        <a:xfrm>
          <a:off x="6921500" y="975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99676</xdr:rowOff>
    </xdr:from>
    <xdr:ext cx="469744"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37428" y="9529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1201</xdr:rowOff>
    </xdr:from>
    <xdr:to>
      <xdr:col>55</xdr:col>
      <xdr:colOff>50800</xdr:colOff>
      <xdr:row>58</xdr:row>
      <xdr:rowOff>132801</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10426700" y="9975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7578</xdr:rowOff>
    </xdr:from>
    <xdr:ext cx="378565" cy="259045"/>
    <xdr:sp macro="" textlink="">
      <xdr:nvSpPr>
        <xdr:cNvPr id="371" name="農林水産業費該当値テキスト">
          <a:extLst>
            <a:ext uri="{FF2B5EF4-FFF2-40B4-BE49-F238E27FC236}">
              <a16:creationId xmlns:a16="http://schemas.microsoft.com/office/drawing/2014/main" id="{00000000-0008-0000-0700-000073010000}"/>
            </a:ext>
          </a:extLst>
        </xdr:cNvPr>
        <xdr:cNvSpPr txBox="1"/>
      </xdr:nvSpPr>
      <xdr:spPr>
        <a:xfrm>
          <a:off x="10528300" y="98902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5989</xdr:rowOff>
    </xdr:from>
    <xdr:to>
      <xdr:col>50</xdr:col>
      <xdr:colOff>165100</xdr:colOff>
      <xdr:row>58</xdr:row>
      <xdr:rowOff>127589</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9588500" y="9970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18716</xdr:rowOff>
    </xdr:from>
    <xdr:ext cx="378565"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9450017" y="100628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8243</xdr:rowOff>
    </xdr:from>
    <xdr:to>
      <xdr:col>46</xdr:col>
      <xdr:colOff>38100</xdr:colOff>
      <xdr:row>58</xdr:row>
      <xdr:rowOff>139843</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8699500" y="9982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30970</xdr:rowOff>
    </xdr:from>
    <xdr:ext cx="378565"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8561017" y="100750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2392</xdr:rowOff>
    </xdr:from>
    <xdr:to>
      <xdr:col>41</xdr:col>
      <xdr:colOff>101600</xdr:colOff>
      <xdr:row>58</xdr:row>
      <xdr:rowOff>72542</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7810500" y="9915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63669</xdr:rowOff>
    </xdr:from>
    <xdr:ext cx="469744"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7626428" y="10007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254</xdr:rowOff>
    </xdr:from>
    <xdr:to>
      <xdr:col>36</xdr:col>
      <xdr:colOff>165100</xdr:colOff>
      <xdr:row>58</xdr:row>
      <xdr:rowOff>141854</xdr:rowOff>
    </xdr:to>
    <xdr:sp macro="" textlink="">
      <xdr:nvSpPr>
        <xdr:cNvPr id="378" name="楕円 377">
          <a:extLst>
            <a:ext uri="{FF2B5EF4-FFF2-40B4-BE49-F238E27FC236}">
              <a16:creationId xmlns:a16="http://schemas.microsoft.com/office/drawing/2014/main" id="{00000000-0008-0000-0700-00007A010000}"/>
            </a:ext>
          </a:extLst>
        </xdr:cNvPr>
        <xdr:cNvSpPr/>
      </xdr:nvSpPr>
      <xdr:spPr>
        <a:xfrm>
          <a:off x="6921500" y="9984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32981</xdr:rowOff>
    </xdr:from>
    <xdr:ext cx="378565"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783017" y="10077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3434</xdr:rowOff>
    </xdr:from>
    <xdr:to>
      <xdr:col>54</xdr:col>
      <xdr:colOff>189865</xdr:colOff>
      <xdr:row>78</xdr:row>
      <xdr:rowOff>65542</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10475595" y="12196384"/>
          <a:ext cx="1270" cy="1242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69369</xdr:rowOff>
    </xdr:from>
    <xdr:ext cx="469744" cy="259045"/>
    <xdr:sp macro="" textlink="">
      <xdr:nvSpPr>
        <xdr:cNvPr id="402" name="商工費最小値テキスト">
          <a:extLst>
            <a:ext uri="{FF2B5EF4-FFF2-40B4-BE49-F238E27FC236}">
              <a16:creationId xmlns:a16="http://schemas.microsoft.com/office/drawing/2014/main" id="{00000000-0008-0000-0700-000092010000}"/>
            </a:ext>
          </a:extLst>
        </xdr:cNvPr>
        <xdr:cNvSpPr txBox="1"/>
      </xdr:nvSpPr>
      <xdr:spPr>
        <a:xfrm>
          <a:off x="10528300" y="13442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5542</xdr:rowOff>
    </xdr:from>
    <xdr:to>
      <xdr:col>55</xdr:col>
      <xdr:colOff>88900</xdr:colOff>
      <xdr:row>78</xdr:row>
      <xdr:rowOff>65542</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3438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1561</xdr:rowOff>
    </xdr:from>
    <xdr:ext cx="534377" cy="259045"/>
    <xdr:sp macro="" textlink="">
      <xdr:nvSpPr>
        <xdr:cNvPr id="404" name="商工費最大値テキスト">
          <a:extLst>
            <a:ext uri="{FF2B5EF4-FFF2-40B4-BE49-F238E27FC236}">
              <a16:creationId xmlns:a16="http://schemas.microsoft.com/office/drawing/2014/main" id="{00000000-0008-0000-0700-000094010000}"/>
            </a:ext>
          </a:extLst>
        </xdr:cNvPr>
        <xdr:cNvSpPr txBox="1"/>
      </xdr:nvSpPr>
      <xdr:spPr>
        <a:xfrm>
          <a:off x="10528300" y="11971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79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23434</xdr:rowOff>
    </xdr:from>
    <xdr:to>
      <xdr:col>55</xdr:col>
      <xdr:colOff>88900</xdr:colOff>
      <xdr:row>71</xdr:row>
      <xdr:rowOff>23434</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2196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49941</xdr:rowOff>
    </xdr:from>
    <xdr:to>
      <xdr:col>55</xdr:col>
      <xdr:colOff>0</xdr:colOff>
      <xdr:row>77</xdr:row>
      <xdr:rowOff>70205</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9639300" y="13008691"/>
          <a:ext cx="838200" cy="263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3266</xdr:rowOff>
    </xdr:from>
    <xdr:ext cx="469744" cy="259045"/>
    <xdr:sp macro="" textlink="">
      <xdr:nvSpPr>
        <xdr:cNvPr id="407" name="商工費平均値テキスト">
          <a:extLst>
            <a:ext uri="{FF2B5EF4-FFF2-40B4-BE49-F238E27FC236}">
              <a16:creationId xmlns:a16="http://schemas.microsoft.com/office/drawing/2014/main" id="{00000000-0008-0000-0700-000097010000}"/>
            </a:ext>
          </a:extLst>
        </xdr:cNvPr>
        <xdr:cNvSpPr txBox="1"/>
      </xdr:nvSpPr>
      <xdr:spPr>
        <a:xfrm>
          <a:off x="10528300" y="129920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0389</xdr:rowOff>
    </xdr:from>
    <xdr:to>
      <xdr:col>55</xdr:col>
      <xdr:colOff>50800</xdr:colOff>
      <xdr:row>77</xdr:row>
      <xdr:rowOff>40539</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104267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49941</xdr:rowOff>
    </xdr:from>
    <xdr:to>
      <xdr:col>50</xdr:col>
      <xdr:colOff>114300</xdr:colOff>
      <xdr:row>76</xdr:row>
      <xdr:rowOff>167086</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8750300" y="13008691"/>
          <a:ext cx="889000" cy="188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30790</xdr:rowOff>
    </xdr:from>
    <xdr:to>
      <xdr:col>50</xdr:col>
      <xdr:colOff>165100</xdr:colOff>
      <xdr:row>76</xdr:row>
      <xdr:rowOff>132390</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9588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23517</xdr:rowOff>
    </xdr:from>
    <xdr:ext cx="469744"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404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67086</xdr:rowOff>
    </xdr:from>
    <xdr:to>
      <xdr:col>45</xdr:col>
      <xdr:colOff>177800</xdr:colOff>
      <xdr:row>77</xdr:row>
      <xdr:rowOff>58227</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7861300" y="13197286"/>
          <a:ext cx="889000" cy="62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6787</xdr:rowOff>
    </xdr:from>
    <xdr:to>
      <xdr:col>46</xdr:col>
      <xdr:colOff>38100</xdr:colOff>
      <xdr:row>77</xdr:row>
      <xdr:rowOff>108387</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8699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99514</xdr:rowOff>
    </xdr:from>
    <xdr:ext cx="469744"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515428" y="13301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58227</xdr:rowOff>
    </xdr:from>
    <xdr:to>
      <xdr:col>41</xdr:col>
      <xdr:colOff>50800</xdr:colOff>
      <xdr:row>77</xdr:row>
      <xdr:rowOff>64993</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flipV="1">
          <a:off x="6972300" y="13259877"/>
          <a:ext cx="889000" cy="6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3042</xdr:rowOff>
    </xdr:from>
    <xdr:to>
      <xdr:col>41</xdr:col>
      <xdr:colOff>101600</xdr:colOff>
      <xdr:row>77</xdr:row>
      <xdr:rowOff>144642</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7810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35769</xdr:rowOff>
    </xdr:from>
    <xdr:ext cx="469744"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7626428" y="13337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6857</xdr:rowOff>
    </xdr:from>
    <xdr:to>
      <xdr:col>36</xdr:col>
      <xdr:colOff>165100</xdr:colOff>
      <xdr:row>77</xdr:row>
      <xdr:rowOff>128457</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6921500" y="1322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19584</xdr:rowOff>
    </xdr:from>
    <xdr:ext cx="469744"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37428" y="13321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9405</xdr:rowOff>
    </xdr:from>
    <xdr:to>
      <xdr:col>55</xdr:col>
      <xdr:colOff>50800</xdr:colOff>
      <xdr:row>77</xdr:row>
      <xdr:rowOff>121005</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10426700" y="13221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9282</xdr:rowOff>
    </xdr:from>
    <xdr:ext cx="469744" cy="259045"/>
    <xdr:sp macro="" textlink="">
      <xdr:nvSpPr>
        <xdr:cNvPr id="426" name="商工費該当値テキスト">
          <a:extLst>
            <a:ext uri="{FF2B5EF4-FFF2-40B4-BE49-F238E27FC236}">
              <a16:creationId xmlns:a16="http://schemas.microsoft.com/office/drawing/2014/main" id="{00000000-0008-0000-0700-0000AA010000}"/>
            </a:ext>
          </a:extLst>
        </xdr:cNvPr>
        <xdr:cNvSpPr txBox="1"/>
      </xdr:nvSpPr>
      <xdr:spPr>
        <a:xfrm>
          <a:off x="10528300" y="13199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99141</xdr:rowOff>
    </xdr:from>
    <xdr:to>
      <xdr:col>50</xdr:col>
      <xdr:colOff>165100</xdr:colOff>
      <xdr:row>76</xdr:row>
      <xdr:rowOff>29291</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9588500" y="12957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45818</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9372111" y="12733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16286</xdr:rowOff>
    </xdr:from>
    <xdr:to>
      <xdr:col>46</xdr:col>
      <xdr:colOff>38100</xdr:colOff>
      <xdr:row>77</xdr:row>
      <xdr:rowOff>46436</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8699500" y="13146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62963</xdr:rowOff>
    </xdr:from>
    <xdr:ext cx="469744"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515428" y="12921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7427</xdr:rowOff>
    </xdr:from>
    <xdr:to>
      <xdr:col>41</xdr:col>
      <xdr:colOff>101600</xdr:colOff>
      <xdr:row>77</xdr:row>
      <xdr:rowOff>109027</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7810500" y="13209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25554</xdr:rowOff>
    </xdr:from>
    <xdr:ext cx="469744"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7626428" y="12984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193</xdr:rowOff>
    </xdr:from>
    <xdr:to>
      <xdr:col>36</xdr:col>
      <xdr:colOff>165100</xdr:colOff>
      <xdr:row>77</xdr:row>
      <xdr:rowOff>115793</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6921500" y="13215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32320</xdr:rowOff>
    </xdr:from>
    <xdr:ext cx="469744"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737428" y="1299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土木費グラフ枠">
          <a:extLst>
            <a:ext uri="{FF2B5EF4-FFF2-40B4-BE49-F238E27FC236}">
              <a16:creationId xmlns:a16="http://schemas.microsoft.com/office/drawing/2014/main" id="{00000000-0008-0000-0700-0000CC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35556</xdr:rowOff>
    </xdr:from>
    <xdr:to>
      <xdr:col>54</xdr:col>
      <xdr:colOff>189865</xdr:colOff>
      <xdr:row>98</xdr:row>
      <xdr:rowOff>76149</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10475595" y="15466056"/>
          <a:ext cx="1270" cy="1412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9976</xdr:rowOff>
    </xdr:from>
    <xdr:ext cx="534377" cy="259045"/>
    <xdr:sp macro="" textlink="">
      <xdr:nvSpPr>
        <xdr:cNvPr id="462" name="土木費最小値テキスト">
          <a:extLst>
            <a:ext uri="{FF2B5EF4-FFF2-40B4-BE49-F238E27FC236}">
              <a16:creationId xmlns:a16="http://schemas.microsoft.com/office/drawing/2014/main" id="{00000000-0008-0000-0700-0000CE010000}"/>
            </a:ext>
          </a:extLst>
        </xdr:cNvPr>
        <xdr:cNvSpPr txBox="1"/>
      </xdr:nvSpPr>
      <xdr:spPr>
        <a:xfrm>
          <a:off x="10528300" y="16882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6149</xdr:rowOff>
    </xdr:from>
    <xdr:to>
      <xdr:col>55</xdr:col>
      <xdr:colOff>88900</xdr:colOff>
      <xdr:row>98</xdr:row>
      <xdr:rowOff>76149</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10388600" y="16878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53683</xdr:rowOff>
    </xdr:from>
    <xdr:ext cx="534377" cy="259045"/>
    <xdr:sp macro="" textlink="">
      <xdr:nvSpPr>
        <xdr:cNvPr id="464" name="土木費最大値テキスト">
          <a:extLst>
            <a:ext uri="{FF2B5EF4-FFF2-40B4-BE49-F238E27FC236}">
              <a16:creationId xmlns:a16="http://schemas.microsoft.com/office/drawing/2014/main" id="{00000000-0008-0000-0700-0000D0010000}"/>
            </a:ext>
          </a:extLst>
        </xdr:cNvPr>
        <xdr:cNvSpPr txBox="1"/>
      </xdr:nvSpPr>
      <xdr:spPr>
        <a:xfrm>
          <a:off x="10528300" y="1524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9,1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35556</xdr:rowOff>
    </xdr:from>
    <xdr:to>
      <xdr:col>55</xdr:col>
      <xdr:colOff>88900</xdr:colOff>
      <xdr:row>90</xdr:row>
      <xdr:rowOff>35556</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10388600" y="154660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45644</xdr:rowOff>
    </xdr:from>
    <xdr:to>
      <xdr:col>55</xdr:col>
      <xdr:colOff>0</xdr:colOff>
      <xdr:row>94</xdr:row>
      <xdr:rowOff>66025</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a:off x="9639300" y="16090494"/>
          <a:ext cx="838200" cy="91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45541</xdr:rowOff>
    </xdr:from>
    <xdr:ext cx="534377" cy="259045"/>
    <xdr:sp macro="" textlink="">
      <xdr:nvSpPr>
        <xdr:cNvPr id="467" name="土木費平均値テキスト">
          <a:extLst>
            <a:ext uri="{FF2B5EF4-FFF2-40B4-BE49-F238E27FC236}">
              <a16:creationId xmlns:a16="http://schemas.microsoft.com/office/drawing/2014/main" id="{00000000-0008-0000-0700-0000D3010000}"/>
            </a:ext>
          </a:extLst>
        </xdr:cNvPr>
        <xdr:cNvSpPr txBox="1"/>
      </xdr:nvSpPr>
      <xdr:spPr>
        <a:xfrm>
          <a:off x="10528300" y="162618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67114</xdr:rowOff>
    </xdr:from>
    <xdr:to>
      <xdr:col>55</xdr:col>
      <xdr:colOff>50800</xdr:colOff>
      <xdr:row>95</xdr:row>
      <xdr:rowOff>97264</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10426700" y="16283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45644</xdr:rowOff>
    </xdr:from>
    <xdr:to>
      <xdr:col>50</xdr:col>
      <xdr:colOff>114300</xdr:colOff>
      <xdr:row>94</xdr:row>
      <xdr:rowOff>48358</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flipV="1">
          <a:off x="8750300" y="16090494"/>
          <a:ext cx="889000" cy="74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00690</xdr:rowOff>
    </xdr:from>
    <xdr:to>
      <xdr:col>50</xdr:col>
      <xdr:colOff>165100</xdr:colOff>
      <xdr:row>95</xdr:row>
      <xdr:rowOff>30840</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9588500" y="16216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1967</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372111" y="16309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45354</xdr:rowOff>
    </xdr:from>
    <xdr:to>
      <xdr:col>45</xdr:col>
      <xdr:colOff>177800</xdr:colOff>
      <xdr:row>94</xdr:row>
      <xdr:rowOff>48358</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a:off x="7861300" y="15990204"/>
          <a:ext cx="889000" cy="174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55684</xdr:rowOff>
    </xdr:from>
    <xdr:to>
      <xdr:col>46</xdr:col>
      <xdr:colOff>38100</xdr:colOff>
      <xdr:row>95</xdr:row>
      <xdr:rowOff>85834</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8699500" y="16271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961</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8483111" y="16364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2</xdr:row>
      <xdr:rowOff>17529</xdr:rowOff>
    </xdr:from>
    <xdr:to>
      <xdr:col>41</xdr:col>
      <xdr:colOff>50800</xdr:colOff>
      <xdr:row>93</xdr:row>
      <xdr:rowOff>45354</xdr:rowOff>
    </xdr:to>
    <xdr:cxnSp macro="">
      <xdr:nvCxnSpPr>
        <xdr:cNvPr id="475" name="直線コネクタ 474">
          <a:extLst>
            <a:ext uri="{FF2B5EF4-FFF2-40B4-BE49-F238E27FC236}">
              <a16:creationId xmlns:a16="http://schemas.microsoft.com/office/drawing/2014/main" id="{00000000-0008-0000-0700-0000DB010000}"/>
            </a:ext>
          </a:extLst>
        </xdr:cNvPr>
        <xdr:cNvCxnSpPr/>
      </xdr:nvCxnSpPr>
      <xdr:spPr>
        <a:xfrm>
          <a:off x="6972300" y="15790929"/>
          <a:ext cx="889000" cy="199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48695</xdr:rowOff>
    </xdr:from>
    <xdr:to>
      <xdr:col>41</xdr:col>
      <xdr:colOff>101600</xdr:colOff>
      <xdr:row>95</xdr:row>
      <xdr:rowOff>78845</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7810500" y="16264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9972</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7594111" y="1635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65126</xdr:rowOff>
    </xdr:from>
    <xdr:to>
      <xdr:col>36</xdr:col>
      <xdr:colOff>165100</xdr:colOff>
      <xdr:row>94</xdr:row>
      <xdr:rowOff>166726</xdr:rowOff>
    </xdr:to>
    <xdr:sp macro="" textlink="">
      <xdr:nvSpPr>
        <xdr:cNvPr id="478" name="フローチャート: 判断 477">
          <a:extLst>
            <a:ext uri="{FF2B5EF4-FFF2-40B4-BE49-F238E27FC236}">
              <a16:creationId xmlns:a16="http://schemas.microsoft.com/office/drawing/2014/main" id="{00000000-0008-0000-0700-0000DE010000}"/>
            </a:ext>
          </a:extLst>
        </xdr:cNvPr>
        <xdr:cNvSpPr/>
      </xdr:nvSpPr>
      <xdr:spPr>
        <a:xfrm>
          <a:off x="6921500" y="16181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57853</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6705111" y="16274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5225</xdr:rowOff>
    </xdr:from>
    <xdr:to>
      <xdr:col>55</xdr:col>
      <xdr:colOff>50800</xdr:colOff>
      <xdr:row>94</xdr:row>
      <xdr:rowOff>116825</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10426700" y="16131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38102</xdr:rowOff>
    </xdr:from>
    <xdr:ext cx="534377" cy="259045"/>
    <xdr:sp macro="" textlink="">
      <xdr:nvSpPr>
        <xdr:cNvPr id="486" name="土木費該当値テキスト">
          <a:extLst>
            <a:ext uri="{FF2B5EF4-FFF2-40B4-BE49-F238E27FC236}">
              <a16:creationId xmlns:a16="http://schemas.microsoft.com/office/drawing/2014/main" id="{00000000-0008-0000-0700-0000E6010000}"/>
            </a:ext>
          </a:extLst>
        </xdr:cNvPr>
        <xdr:cNvSpPr txBox="1"/>
      </xdr:nvSpPr>
      <xdr:spPr>
        <a:xfrm>
          <a:off x="10528300" y="15982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94844</xdr:rowOff>
    </xdr:from>
    <xdr:to>
      <xdr:col>50</xdr:col>
      <xdr:colOff>165100</xdr:colOff>
      <xdr:row>94</xdr:row>
      <xdr:rowOff>24994</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9588500" y="1603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41521</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9372111" y="15814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3</xdr:row>
      <xdr:rowOff>169008</xdr:rowOff>
    </xdr:from>
    <xdr:to>
      <xdr:col>46</xdr:col>
      <xdr:colOff>38100</xdr:colOff>
      <xdr:row>94</xdr:row>
      <xdr:rowOff>99158</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8699500" y="16113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15685</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8483111" y="15889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2</xdr:row>
      <xdr:rowOff>166004</xdr:rowOff>
    </xdr:from>
    <xdr:to>
      <xdr:col>41</xdr:col>
      <xdr:colOff>101600</xdr:colOff>
      <xdr:row>93</xdr:row>
      <xdr:rowOff>96154</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7810500" y="15939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1</xdr:row>
      <xdr:rowOff>112681</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7594111" y="15714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1</xdr:row>
      <xdr:rowOff>138179</xdr:rowOff>
    </xdr:from>
    <xdr:to>
      <xdr:col>36</xdr:col>
      <xdr:colOff>165100</xdr:colOff>
      <xdr:row>92</xdr:row>
      <xdr:rowOff>68329</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6921500" y="15740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0</xdr:row>
      <xdr:rowOff>84856</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6705111" y="15515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消防費グラフ枠">
          <a:extLst>
            <a:ext uri="{FF2B5EF4-FFF2-40B4-BE49-F238E27FC236}">
              <a16:creationId xmlns:a16="http://schemas.microsoft.com/office/drawing/2014/main" id="{00000000-0008-0000-0700-000006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8529</xdr:rowOff>
    </xdr:from>
    <xdr:to>
      <xdr:col>85</xdr:col>
      <xdr:colOff>126364</xdr:colOff>
      <xdr:row>39</xdr:row>
      <xdr:rowOff>14986</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6317595" y="5312029"/>
          <a:ext cx="1269" cy="1389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8813</xdr:rowOff>
    </xdr:from>
    <xdr:ext cx="469744" cy="259045"/>
    <xdr:sp macro="" textlink="">
      <xdr:nvSpPr>
        <xdr:cNvPr id="520" name="消防費最小値テキスト">
          <a:extLst>
            <a:ext uri="{FF2B5EF4-FFF2-40B4-BE49-F238E27FC236}">
              <a16:creationId xmlns:a16="http://schemas.microsoft.com/office/drawing/2014/main" id="{00000000-0008-0000-0700-000008020000}"/>
            </a:ext>
          </a:extLst>
        </xdr:cNvPr>
        <xdr:cNvSpPr txBox="1"/>
      </xdr:nvSpPr>
      <xdr:spPr>
        <a:xfrm>
          <a:off x="16370300" y="6705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4986</xdr:rowOff>
    </xdr:from>
    <xdr:to>
      <xdr:col>86</xdr:col>
      <xdr:colOff>25400</xdr:colOff>
      <xdr:row>39</xdr:row>
      <xdr:rowOff>14986</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6230600" y="6701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5206</xdr:rowOff>
    </xdr:from>
    <xdr:ext cx="534377" cy="259045"/>
    <xdr:sp macro="" textlink="">
      <xdr:nvSpPr>
        <xdr:cNvPr id="522" name="消防費最大値テキスト">
          <a:extLst>
            <a:ext uri="{FF2B5EF4-FFF2-40B4-BE49-F238E27FC236}">
              <a16:creationId xmlns:a16="http://schemas.microsoft.com/office/drawing/2014/main" id="{00000000-0008-0000-0700-00000A020000}"/>
            </a:ext>
          </a:extLst>
        </xdr:cNvPr>
        <xdr:cNvSpPr txBox="1"/>
      </xdr:nvSpPr>
      <xdr:spPr>
        <a:xfrm>
          <a:off x="16370300" y="5087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17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8529</xdr:rowOff>
    </xdr:from>
    <xdr:to>
      <xdr:col>86</xdr:col>
      <xdr:colOff>25400</xdr:colOff>
      <xdr:row>30</xdr:row>
      <xdr:rowOff>168529</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a:off x="16230600" y="5312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3</xdr:row>
      <xdr:rowOff>114554</xdr:rowOff>
    </xdr:from>
    <xdr:to>
      <xdr:col>85</xdr:col>
      <xdr:colOff>127000</xdr:colOff>
      <xdr:row>34</xdr:row>
      <xdr:rowOff>146685</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5481300" y="5772404"/>
          <a:ext cx="838200" cy="20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779</xdr:rowOff>
    </xdr:from>
    <xdr:ext cx="534377" cy="259045"/>
    <xdr:sp macro="" textlink="">
      <xdr:nvSpPr>
        <xdr:cNvPr id="525" name="消防費平均値テキスト">
          <a:extLst>
            <a:ext uri="{FF2B5EF4-FFF2-40B4-BE49-F238E27FC236}">
              <a16:creationId xmlns:a16="http://schemas.microsoft.com/office/drawing/2014/main" id="{00000000-0008-0000-0700-00000D020000}"/>
            </a:ext>
          </a:extLst>
        </xdr:cNvPr>
        <xdr:cNvSpPr txBox="1"/>
      </xdr:nvSpPr>
      <xdr:spPr>
        <a:xfrm>
          <a:off x="16370300" y="61729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2352</xdr:rowOff>
    </xdr:from>
    <xdr:to>
      <xdr:col>85</xdr:col>
      <xdr:colOff>177800</xdr:colOff>
      <xdr:row>36</xdr:row>
      <xdr:rowOff>123952</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6268700" y="6194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114554</xdr:rowOff>
    </xdr:from>
    <xdr:to>
      <xdr:col>81</xdr:col>
      <xdr:colOff>50800</xdr:colOff>
      <xdr:row>33</xdr:row>
      <xdr:rowOff>160909</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4592300" y="5772404"/>
          <a:ext cx="889000" cy="46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27762</xdr:rowOff>
    </xdr:from>
    <xdr:to>
      <xdr:col>81</xdr:col>
      <xdr:colOff>101600</xdr:colOff>
      <xdr:row>36</xdr:row>
      <xdr:rowOff>57912</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5430500" y="6128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49039</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14111" y="6221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3</xdr:row>
      <xdr:rowOff>160909</xdr:rowOff>
    </xdr:from>
    <xdr:to>
      <xdr:col>76</xdr:col>
      <xdr:colOff>114300</xdr:colOff>
      <xdr:row>35</xdr:row>
      <xdr:rowOff>82296</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flipV="1">
          <a:off x="13703300" y="5818759"/>
          <a:ext cx="889000" cy="26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31445</xdr:rowOff>
    </xdr:from>
    <xdr:to>
      <xdr:col>76</xdr:col>
      <xdr:colOff>165100</xdr:colOff>
      <xdr:row>36</xdr:row>
      <xdr:rowOff>61595</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4541500" y="6132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2722</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4325111" y="6224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82296</xdr:rowOff>
    </xdr:from>
    <xdr:to>
      <xdr:col>71</xdr:col>
      <xdr:colOff>177800</xdr:colOff>
      <xdr:row>35</xdr:row>
      <xdr:rowOff>90932</xdr:rowOff>
    </xdr:to>
    <xdr:cxnSp macro="">
      <xdr:nvCxnSpPr>
        <xdr:cNvPr id="533" name="直線コネクタ 532">
          <a:extLst>
            <a:ext uri="{FF2B5EF4-FFF2-40B4-BE49-F238E27FC236}">
              <a16:creationId xmlns:a16="http://schemas.microsoft.com/office/drawing/2014/main" id="{00000000-0008-0000-0700-000015020000}"/>
            </a:ext>
          </a:extLst>
        </xdr:cNvPr>
        <xdr:cNvCxnSpPr/>
      </xdr:nvCxnSpPr>
      <xdr:spPr>
        <a:xfrm flipV="1">
          <a:off x="12814300" y="6083046"/>
          <a:ext cx="889000" cy="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40386</xdr:rowOff>
    </xdr:from>
    <xdr:to>
      <xdr:col>72</xdr:col>
      <xdr:colOff>38100</xdr:colOff>
      <xdr:row>36</xdr:row>
      <xdr:rowOff>141986</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3652500" y="6212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33113</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3436111" y="6305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74803</xdr:rowOff>
    </xdr:from>
    <xdr:to>
      <xdr:col>67</xdr:col>
      <xdr:colOff>101600</xdr:colOff>
      <xdr:row>37</xdr:row>
      <xdr:rowOff>4953</xdr:rowOff>
    </xdr:to>
    <xdr:sp macro="" textlink="">
      <xdr:nvSpPr>
        <xdr:cNvPr id="536" name="フローチャート: 判断 535">
          <a:extLst>
            <a:ext uri="{FF2B5EF4-FFF2-40B4-BE49-F238E27FC236}">
              <a16:creationId xmlns:a16="http://schemas.microsoft.com/office/drawing/2014/main" id="{00000000-0008-0000-0700-000018020000}"/>
            </a:ext>
          </a:extLst>
        </xdr:cNvPr>
        <xdr:cNvSpPr/>
      </xdr:nvSpPr>
      <xdr:spPr>
        <a:xfrm>
          <a:off x="12763500" y="6247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67530</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2547111" y="6339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95885</xdr:rowOff>
    </xdr:from>
    <xdr:to>
      <xdr:col>85</xdr:col>
      <xdr:colOff>177800</xdr:colOff>
      <xdr:row>35</xdr:row>
      <xdr:rowOff>26035</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6268700" y="592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118762</xdr:rowOff>
    </xdr:from>
    <xdr:ext cx="534377" cy="259045"/>
    <xdr:sp macro="" textlink="">
      <xdr:nvSpPr>
        <xdr:cNvPr id="544" name="消防費該当値テキスト">
          <a:extLst>
            <a:ext uri="{FF2B5EF4-FFF2-40B4-BE49-F238E27FC236}">
              <a16:creationId xmlns:a16="http://schemas.microsoft.com/office/drawing/2014/main" id="{00000000-0008-0000-0700-000020020000}"/>
            </a:ext>
          </a:extLst>
        </xdr:cNvPr>
        <xdr:cNvSpPr txBox="1"/>
      </xdr:nvSpPr>
      <xdr:spPr>
        <a:xfrm>
          <a:off x="16370300" y="5776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63754</xdr:rowOff>
    </xdr:from>
    <xdr:to>
      <xdr:col>81</xdr:col>
      <xdr:colOff>101600</xdr:colOff>
      <xdr:row>33</xdr:row>
      <xdr:rowOff>165354</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5430500" y="5721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0431</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5214111" y="5496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3</xdr:row>
      <xdr:rowOff>110109</xdr:rowOff>
    </xdr:from>
    <xdr:to>
      <xdr:col>76</xdr:col>
      <xdr:colOff>165100</xdr:colOff>
      <xdr:row>34</xdr:row>
      <xdr:rowOff>40259</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4541500" y="5767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2</xdr:row>
      <xdr:rowOff>56786</xdr:rowOff>
    </xdr:from>
    <xdr:ext cx="534377"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4325111" y="5543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31496</xdr:rowOff>
    </xdr:from>
    <xdr:to>
      <xdr:col>72</xdr:col>
      <xdr:colOff>38100</xdr:colOff>
      <xdr:row>35</xdr:row>
      <xdr:rowOff>133096</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3652500" y="6032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49623</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3436111" y="5807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0132</xdr:rowOff>
    </xdr:from>
    <xdr:to>
      <xdr:col>67</xdr:col>
      <xdr:colOff>101600</xdr:colOff>
      <xdr:row>35</xdr:row>
      <xdr:rowOff>141732</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2763500" y="6040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58259</xdr:rowOff>
    </xdr:from>
    <xdr:ext cx="534377"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547111" y="5816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a:extLst>
            <a:ext uri="{FF2B5EF4-FFF2-40B4-BE49-F238E27FC236}">
              <a16:creationId xmlns:a16="http://schemas.microsoft.com/office/drawing/2014/main" id="{00000000-0008-0000-0700-00004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43764</xdr:rowOff>
    </xdr:from>
    <xdr:to>
      <xdr:col>85</xdr:col>
      <xdr:colOff>126364</xdr:colOff>
      <xdr:row>59</xdr:row>
      <xdr:rowOff>112649</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6317595" y="8887714"/>
          <a:ext cx="1269" cy="13404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16476</xdr:rowOff>
    </xdr:from>
    <xdr:ext cx="534377" cy="259045"/>
    <xdr:sp macro="" textlink="">
      <xdr:nvSpPr>
        <xdr:cNvPr id="578" name="教育費最小値テキスト">
          <a:extLst>
            <a:ext uri="{FF2B5EF4-FFF2-40B4-BE49-F238E27FC236}">
              <a16:creationId xmlns:a16="http://schemas.microsoft.com/office/drawing/2014/main" id="{00000000-0008-0000-0700-000042020000}"/>
            </a:ext>
          </a:extLst>
        </xdr:cNvPr>
        <xdr:cNvSpPr txBox="1"/>
      </xdr:nvSpPr>
      <xdr:spPr>
        <a:xfrm>
          <a:off x="16370300" y="1023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12649</xdr:rowOff>
    </xdr:from>
    <xdr:to>
      <xdr:col>86</xdr:col>
      <xdr:colOff>25400</xdr:colOff>
      <xdr:row>59</xdr:row>
      <xdr:rowOff>112649</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6230600" y="102281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90441</xdr:rowOff>
    </xdr:from>
    <xdr:ext cx="599010" cy="259045"/>
    <xdr:sp macro="" textlink="">
      <xdr:nvSpPr>
        <xdr:cNvPr id="580" name="教育費最大値テキスト">
          <a:extLst>
            <a:ext uri="{FF2B5EF4-FFF2-40B4-BE49-F238E27FC236}">
              <a16:creationId xmlns:a16="http://schemas.microsoft.com/office/drawing/2014/main" id="{00000000-0008-0000-0700-000044020000}"/>
            </a:ext>
          </a:extLst>
        </xdr:cNvPr>
        <xdr:cNvSpPr txBox="1"/>
      </xdr:nvSpPr>
      <xdr:spPr>
        <a:xfrm>
          <a:off x="16370300" y="86629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1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43764</xdr:rowOff>
    </xdr:from>
    <xdr:to>
      <xdr:col>86</xdr:col>
      <xdr:colOff>25400</xdr:colOff>
      <xdr:row>51</xdr:row>
      <xdr:rowOff>143764</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6230600" y="8887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60033</xdr:rowOff>
    </xdr:from>
    <xdr:to>
      <xdr:col>85</xdr:col>
      <xdr:colOff>127000</xdr:colOff>
      <xdr:row>58</xdr:row>
      <xdr:rowOff>113500</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5481300" y="10004133"/>
          <a:ext cx="838200" cy="53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30941</xdr:rowOff>
    </xdr:from>
    <xdr:ext cx="534377" cy="259045"/>
    <xdr:sp macro="" textlink="">
      <xdr:nvSpPr>
        <xdr:cNvPr id="583" name="教育費平均値テキスト">
          <a:extLst>
            <a:ext uri="{FF2B5EF4-FFF2-40B4-BE49-F238E27FC236}">
              <a16:creationId xmlns:a16="http://schemas.microsoft.com/office/drawing/2014/main" id="{00000000-0008-0000-0700-000047020000}"/>
            </a:ext>
          </a:extLst>
        </xdr:cNvPr>
        <xdr:cNvSpPr txBox="1"/>
      </xdr:nvSpPr>
      <xdr:spPr>
        <a:xfrm>
          <a:off x="16370300" y="97321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08064</xdr:rowOff>
    </xdr:from>
    <xdr:to>
      <xdr:col>85</xdr:col>
      <xdr:colOff>177800</xdr:colOff>
      <xdr:row>58</xdr:row>
      <xdr:rowOff>38214</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6268700" y="9880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60033</xdr:rowOff>
    </xdr:from>
    <xdr:to>
      <xdr:col>81</xdr:col>
      <xdr:colOff>50800</xdr:colOff>
      <xdr:row>58</xdr:row>
      <xdr:rowOff>99301</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4592300" y="10004133"/>
          <a:ext cx="889000" cy="39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13144</xdr:rowOff>
    </xdr:from>
    <xdr:to>
      <xdr:col>81</xdr:col>
      <xdr:colOff>101600</xdr:colOff>
      <xdr:row>58</xdr:row>
      <xdr:rowOff>43294</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5430500" y="988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9821</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14111" y="966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99301</xdr:rowOff>
    </xdr:from>
    <xdr:to>
      <xdr:col>76</xdr:col>
      <xdr:colOff>114300</xdr:colOff>
      <xdr:row>58</xdr:row>
      <xdr:rowOff>106832</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3703300" y="10043401"/>
          <a:ext cx="889000" cy="7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33401</xdr:rowOff>
    </xdr:from>
    <xdr:to>
      <xdr:col>76</xdr:col>
      <xdr:colOff>165100</xdr:colOff>
      <xdr:row>58</xdr:row>
      <xdr:rowOff>135001</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4541500" y="9977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51528</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325111" y="9752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54635</xdr:rowOff>
    </xdr:from>
    <xdr:to>
      <xdr:col>71</xdr:col>
      <xdr:colOff>177800</xdr:colOff>
      <xdr:row>58</xdr:row>
      <xdr:rowOff>106832</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a:off x="12814300" y="9998735"/>
          <a:ext cx="889000" cy="52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70256</xdr:rowOff>
    </xdr:from>
    <xdr:to>
      <xdr:col>72</xdr:col>
      <xdr:colOff>38100</xdr:colOff>
      <xdr:row>59</xdr:row>
      <xdr:rowOff>406</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3652500" y="1001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62983</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436111" y="1010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52425</xdr:rowOff>
    </xdr:from>
    <xdr:to>
      <xdr:col>67</xdr:col>
      <xdr:colOff>101600</xdr:colOff>
      <xdr:row>58</xdr:row>
      <xdr:rowOff>154025</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2763500" y="9996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45152</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547111" y="10089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2700</xdr:rowOff>
    </xdr:from>
    <xdr:to>
      <xdr:col>85</xdr:col>
      <xdr:colOff>177800</xdr:colOff>
      <xdr:row>58</xdr:row>
      <xdr:rowOff>164300</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6268700" y="1000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41127</xdr:rowOff>
    </xdr:from>
    <xdr:ext cx="534377" cy="259045"/>
    <xdr:sp macro="" textlink="">
      <xdr:nvSpPr>
        <xdr:cNvPr id="602" name="教育費該当値テキスト">
          <a:extLst>
            <a:ext uri="{FF2B5EF4-FFF2-40B4-BE49-F238E27FC236}">
              <a16:creationId xmlns:a16="http://schemas.microsoft.com/office/drawing/2014/main" id="{00000000-0008-0000-0700-00005A020000}"/>
            </a:ext>
          </a:extLst>
        </xdr:cNvPr>
        <xdr:cNvSpPr txBox="1"/>
      </xdr:nvSpPr>
      <xdr:spPr>
        <a:xfrm>
          <a:off x="16370300" y="9985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9233</xdr:rowOff>
    </xdr:from>
    <xdr:to>
      <xdr:col>81</xdr:col>
      <xdr:colOff>101600</xdr:colOff>
      <xdr:row>58</xdr:row>
      <xdr:rowOff>110833</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5430500" y="995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01960</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5214111" y="10046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48501</xdr:rowOff>
    </xdr:from>
    <xdr:to>
      <xdr:col>76</xdr:col>
      <xdr:colOff>165100</xdr:colOff>
      <xdr:row>58</xdr:row>
      <xdr:rowOff>150101</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4541500" y="9992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41228</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325111" y="1008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56032</xdr:rowOff>
    </xdr:from>
    <xdr:to>
      <xdr:col>72</xdr:col>
      <xdr:colOff>38100</xdr:colOff>
      <xdr:row>58</xdr:row>
      <xdr:rowOff>157632</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3652500" y="10000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2709</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3436111" y="9775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835</xdr:rowOff>
    </xdr:from>
    <xdr:to>
      <xdr:col>67</xdr:col>
      <xdr:colOff>101600</xdr:colOff>
      <xdr:row>58</xdr:row>
      <xdr:rowOff>105435</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2763500" y="9947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21962</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547111" y="9723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災害復旧費グラフ枠">
          <a:extLst>
            <a:ext uri="{FF2B5EF4-FFF2-40B4-BE49-F238E27FC236}">
              <a16:creationId xmlns:a16="http://schemas.microsoft.com/office/drawing/2014/main" id="{00000000-0008-0000-0700-00007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3</xdr:row>
      <xdr:rowOff>106325</xdr:rowOff>
    </xdr:from>
    <xdr:to>
      <xdr:col>85</xdr:col>
      <xdr:colOff>126364</xdr:colOff>
      <xdr:row>78</xdr:row>
      <xdr:rowOff>139700</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flipV="1">
          <a:off x="16317595" y="12622175"/>
          <a:ext cx="1269" cy="890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3" name="災害復旧費最小値テキスト">
          <a:extLst>
            <a:ext uri="{FF2B5EF4-FFF2-40B4-BE49-F238E27FC236}">
              <a16:creationId xmlns:a16="http://schemas.microsoft.com/office/drawing/2014/main" id="{00000000-0008-0000-0700-000079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2</xdr:row>
      <xdr:rowOff>53002</xdr:rowOff>
    </xdr:from>
    <xdr:ext cx="469744" cy="259045"/>
    <xdr:sp macro="" textlink="">
      <xdr:nvSpPr>
        <xdr:cNvPr id="635" name="災害復旧費最大値テキスト">
          <a:extLst>
            <a:ext uri="{FF2B5EF4-FFF2-40B4-BE49-F238E27FC236}">
              <a16:creationId xmlns:a16="http://schemas.microsoft.com/office/drawing/2014/main" id="{00000000-0008-0000-0700-00007B020000}"/>
            </a:ext>
          </a:extLst>
        </xdr:cNvPr>
        <xdr:cNvSpPr txBox="1"/>
      </xdr:nvSpPr>
      <xdr:spPr>
        <a:xfrm>
          <a:off x="16370300" y="12397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3</xdr:row>
      <xdr:rowOff>106325</xdr:rowOff>
    </xdr:from>
    <xdr:to>
      <xdr:col>86</xdr:col>
      <xdr:colOff>25400</xdr:colOff>
      <xdr:row>73</xdr:row>
      <xdr:rowOff>106325</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6230600" y="12622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3</xdr:row>
      <xdr:rowOff>45059</xdr:rowOff>
    </xdr:from>
    <xdr:to>
      <xdr:col>85</xdr:col>
      <xdr:colOff>127000</xdr:colOff>
      <xdr:row>77</xdr:row>
      <xdr:rowOff>166218</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5481300" y="12560909"/>
          <a:ext cx="838200" cy="806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9720</xdr:rowOff>
    </xdr:from>
    <xdr:ext cx="378565" cy="259045"/>
    <xdr:sp macro="" textlink="">
      <xdr:nvSpPr>
        <xdr:cNvPr id="638" name="災害復旧費平均値テキスト">
          <a:extLst>
            <a:ext uri="{FF2B5EF4-FFF2-40B4-BE49-F238E27FC236}">
              <a16:creationId xmlns:a16="http://schemas.microsoft.com/office/drawing/2014/main" id="{00000000-0008-0000-0700-00007E020000}"/>
            </a:ext>
          </a:extLst>
        </xdr:cNvPr>
        <xdr:cNvSpPr txBox="1"/>
      </xdr:nvSpPr>
      <xdr:spPr>
        <a:xfrm>
          <a:off x="16370300" y="1338282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1293</xdr:rowOff>
    </xdr:from>
    <xdr:to>
      <xdr:col>85</xdr:col>
      <xdr:colOff>177800</xdr:colOff>
      <xdr:row>78</xdr:row>
      <xdr:rowOff>132893</xdr:rowOff>
    </xdr:to>
    <xdr:sp macro="" textlink="">
      <xdr:nvSpPr>
        <xdr:cNvPr id="639" name="フローチャート: 判断 638">
          <a:extLst>
            <a:ext uri="{FF2B5EF4-FFF2-40B4-BE49-F238E27FC236}">
              <a16:creationId xmlns:a16="http://schemas.microsoft.com/office/drawing/2014/main" id="{00000000-0008-0000-0700-00007F020000}"/>
            </a:ext>
          </a:extLst>
        </xdr:cNvPr>
        <xdr:cNvSpPr/>
      </xdr:nvSpPr>
      <xdr:spPr>
        <a:xfrm>
          <a:off x="16268700" y="13404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1</xdr:row>
      <xdr:rowOff>111811</xdr:rowOff>
    </xdr:from>
    <xdr:to>
      <xdr:col>81</xdr:col>
      <xdr:colOff>50800</xdr:colOff>
      <xdr:row>73</xdr:row>
      <xdr:rowOff>45059</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4592300" y="12284761"/>
          <a:ext cx="889000" cy="276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92557</xdr:rowOff>
    </xdr:from>
    <xdr:to>
      <xdr:col>81</xdr:col>
      <xdr:colOff>101600</xdr:colOff>
      <xdr:row>78</xdr:row>
      <xdr:rowOff>22707</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5430500" y="13294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13834</xdr:rowOff>
    </xdr:from>
    <xdr:ext cx="378565"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5292017" y="133869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1</xdr:row>
      <xdr:rowOff>111811</xdr:rowOff>
    </xdr:from>
    <xdr:to>
      <xdr:col>76</xdr:col>
      <xdr:colOff>114300</xdr:colOff>
      <xdr:row>78</xdr:row>
      <xdr:rowOff>139700</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flipV="1">
          <a:off x="13703300" y="12284761"/>
          <a:ext cx="889000" cy="1228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38277</xdr:rowOff>
    </xdr:from>
    <xdr:to>
      <xdr:col>76</xdr:col>
      <xdr:colOff>165100</xdr:colOff>
      <xdr:row>78</xdr:row>
      <xdr:rowOff>68427</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4541500" y="13339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59554</xdr:rowOff>
    </xdr:from>
    <xdr:ext cx="378565"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4403017" y="134326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63424</xdr:rowOff>
    </xdr:from>
    <xdr:to>
      <xdr:col>72</xdr:col>
      <xdr:colOff>38100</xdr:colOff>
      <xdr:row>78</xdr:row>
      <xdr:rowOff>93574</xdr:rowOff>
    </xdr:to>
    <xdr:sp macro="" textlink="">
      <xdr:nvSpPr>
        <xdr:cNvPr id="647" name="フローチャート: 判断 646">
          <a:extLst>
            <a:ext uri="{FF2B5EF4-FFF2-40B4-BE49-F238E27FC236}">
              <a16:creationId xmlns:a16="http://schemas.microsoft.com/office/drawing/2014/main" id="{00000000-0008-0000-0700-000087020000}"/>
            </a:ext>
          </a:extLst>
        </xdr:cNvPr>
        <xdr:cNvSpPr/>
      </xdr:nvSpPr>
      <xdr:spPr>
        <a:xfrm>
          <a:off x="13652500" y="13365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10101</xdr:rowOff>
    </xdr:from>
    <xdr:ext cx="378565"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514017" y="131403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156566</xdr:rowOff>
    </xdr:from>
    <xdr:to>
      <xdr:col>67</xdr:col>
      <xdr:colOff>101600</xdr:colOff>
      <xdr:row>74</xdr:row>
      <xdr:rowOff>86716</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2763500" y="12672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2</xdr:row>
      <xdr:rowOff>103243</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2579428" y="12447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5418</xdr:rowOff>
    </xdr:from>
    <xdr:to>
      <xdr:col>85</xdr:col>
      <xdr:colOff>177800</xdr:colOff>
      <xdr:row>78</xdr:row>
      <xdr:rowOff>45568</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6268700" y="13317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8295</xdr:rowOff>
    </xdr:from>
    <xdr:ext cx="378565" cy="259045"/>
    <xdr:sp macro="" textlink="">
      <xdr:nvSpPr>
        <xdr:cNvPr id="657" name="災害復旧費該当値テキスト">
          <a:extLst>
            <a:ext uri="{FF2B5EF4-FFF2-40B4-BE49-F238E27FC236}">
              <a16:creationId xmlns:a16="http://schemas.microsoft.com/office/drawing/2014/main" id="{00000000-0008-0000-0700-000091020000}"/>
            </a:ext>
          </a:extLst>
        </xdr:cNvPr>
        <xdr:cNvSpPr txBox="1"/>
      </xdr:nvSpPr>
      <xdr:spPr>
        <a:xfrm>
          <a:off x="16370300" y="131684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2</xdr:row>
      <xdr:rowOff>165709</xdr:rowOff>
    </xdr:from>
    <xdr:to>
      <xdr:col>81</xdr:col>
      <xdr:colOff>101600</xdr:colOff>
      <xdr:row>73</xdr:row>
      <xdr:rowOff>95859</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5430500" y="12510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1</xdr:row>
      <xdr:rowOff>112386</xdr:rowOff>
    </xdr:from>
    <xdr:ext cx="469744"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5246428" y="12285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1</xdr:row>
      <xdr:rowOff>61011</xdr:rowOff>
    </xdr:from>
    <xdr:to>
      <xdr:col>76</xdr:col>
      <xdr:colOff>165100</xdr:colOff>
      <xdr:row>71</xdr:row>
      <xdr:rowOff>162611</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4541500" y="12233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0</xdr:row>
      <xdr:rowOff>7688</xdr:rowOff>
    </xdr:from>
    <xdr:ext cx="469744"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4357428" y="12009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5" name="テキスト ボックス 684">
          <a:extLst>
            <a:ext uri="{FF2B5EF4-FFF2-40B4-BE49-F238E27FC236}">
              <a16:creationId xmlns:a16="http://schemas.microsoft.com/office/drawing/2014/main" id="{00000000-0008-0000-0700-0000AD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8" name="公債費グラフ枠">
          <a:extLst>
            <a:ext uri="{FF2B5EF4-FFF2-40B4-BE49-F238E27FC236}">
              <a16:creationId xmlns:a16="http://schemas.microsoft.com/office/drawing/2014/main" id="{00000000-0008-0000-0700-0000B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4531</xdr:rowOff>
    </xdr:from>
    <xdr:to>
      <xdr:col>85</xdr:col>
      <xdr:colOff>126364</xdr:colOff>
      <xdr:row>98</xdr:row>
      <xdr:rowOff>17227</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flipV="1">
          <a:off x="16317595" y="15515031"/>
          <a:ext cx="1269" cy="1304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21054</xdr:rowOff>
    </xdr:from>
    <xdr:ext cx="534377" cy="259045"/>
    <xdr:sp macro="" textlink="">
      <xdr:nvSpPr>
        <xdr:cNvPr id="690" name="公債費最小値テキスト">
          <a:extLst>
            <a:ext uri="{FF2B5EF4-FFF2-40B4-BE49-F238E27FC236}">
              <a16:creationId xmlns:a16="http://schemas.microsoft.com/office/drawing/2014/main" id="{00000000-0008-0000-0700-0000B2020000}"/>
            </a:ext>
          </a:extLst>
        </xdr:cNvPr>
        <xdr:cNvSpPr txBox="1"/>
      </xdr:nvSpPr>
      <xdr:spPr>
        <a:xfrm>
          <a:off x="16370300" y="1682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7227</xdr:rowOff>
    </xdr:from>
    <xdr:to>
      <xdr:col>86</xdr:col>
      <xdr:colOff>25400</xdr:colOff>
      <xdr:row>98</xdr:row>
      <xdr:rowOff>17227</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6230600" y="168193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1208</xdr:rowOff>
    </xdr:from>
    <xdr:ext cx="534377" cy="259045"/>
    <xdr:sp macro="" textlink="">
      <xdr:nvSpPr>
        <xdr:cNvPr id="692" name="公債費最大値テキスト">
          <a:extLst>
            <a:ext uri="{FF2B5EF4-FFF2-40B4-BE49-F238E27FC236}">
              <a16:creationId xmlns:a16="http://schemas.microsoft.com/office/drawing/2014/main" id="{00000000-0008-0000-0700-0000B4020000}"/>
            </a:ext>
          </a:extLst>
        </xdr:cNvPr>
        <xdr:cNvSpPr txBox="1"/>
      </xdr:nvSpPr>
      <xdr:spPr>
        <a:xfrm>
          <a:off x="16370300" y="15290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89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4531</xdr:rowOff>
    </xdr:from>
    <xdr:to>
      <xdr:col>86</xdr:col>
      <xdr:colOff>25400</xdr:colOff>
      <xdr:row>90</xdr:row>
      <xdr:rowOff>84531</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6230600" y="15515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90494</xdr:rowOff>
    </xdr:from>
    <xdr:to>
      <xdr:col>85</xdr:col>
      <xdr:colOff>127000</xdr:colOff>
      <xdr:row>96</xdr:row>
      <xdr:rowOff>103657</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5481300" y="16549694"/>
          <a:ext cx="838200" cy="13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6870</xdr:rowOff>
    </xdr:from>
    <xdr:ext cx="534377" cy="259045"/>
    <xdr:sp macro="" textlink="">
      <xdr:nvSpPr>
        <xdr:cNvPr id="695" name="公債費平均値テキスト">
          <a:extLst>
            <a:ext uri="{FF2B5EF4-FFF2-40B4-BE49-F238E27FC236}">
              <a16:creationId xmlns:a16="http://schemas.microsoft.com/office/drawing/2014/main" id="{00000000-0008-0000-0700-0000B7020000}"/>
            </a:ext>
          </a:extLst>
        </xdr:cNvPr>
        <xdr:cNvSpPr txBox="1"/>
      </xdr:nvSpPr>
      <xdr:spPr>
        <a:xfrm>
          <a:off x="16370300" y="163046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5443</xdr:rowOff>
    </xdr:from>
    <xdr:to>
      <xdr:col>85</xdr:col>
      <xdr:colOff>177800</xdr:colOff>
      <xdr:row>96</xdr:row>
      <xdr:rowOff>95593</xdr:rowOff>
    </xdr:to>
    <xdr:sp macro="" textlink="">
      <xdr:nvSpPr>
        <xdr:cNvPr id="696" name="フローチャート: 判断 695">
          <a:extLst>
            <a:ext uri="{FF2B5EF4-FFF2-40B4-BE49-F238E27FC236}">
              <a16:creationId xmlns:a16="http://schemas.microsoft.com/office/drawing/2014/main" id="{00000000-0008-0000-0700-0000B8020000}"/>
            </a:ext>
          </a:extLst>
        </xdr:cNvPr>
        <xdr:cNvSpPr/>
      </xdr:nvSpPr>
      <xdr:spPr>
        <a:xfrm>
          <a:off x="162687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76340</xdr:rowOff>
    </xdr:from>
    <xdr:to>
      <xdr:col>81</xdr:col>
      <xdr:colOff>50800</xdr:colOff>
      <xdr:row>96</xdr:row>
      <xdr:rowOff>90494</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4592300" y="16535540"/>
          <a:ext cx="889000" cy="14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94</xdr:rowOff>
    </xdr:from>
    <xdr:to>
      <xdr:col>81</xdr:col>
      <xdr:colOff>101600</xdr:colOff>
      <xdr:row>96</xdr:row>
      <xdr:rowOff>102794</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5430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9321</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5214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76340</xdr:rowOff>
    </xdr:from>
    <xdr:to>
      <xdr:col>76</xdr:col>
      <xdr:colOff>114300</xdr:colOff>
      <xdr:row>96</xdr:row>
      <xdr:rowOff>99981</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flipV="1">
          <a:off x="13703300" y="16535540"/>
          <a:ext cx="889000" cy="23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9804</xdr:rowOff>
    </xdr:from>
    <xdr:to>
      <xdr:col>76</xdr:col>
      <xdr:colOff>165100</xdr:colOff>
      <xdr:row>96</xdr:row>
      <xdr:rowOff>89954</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4541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06481</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4325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99333</xdr:rowOff>
    </xdr:from>
    <xdr:to>
      <xdr:col>71</xdr:col>
      <xdr:colOff>177800</xdr:colOff>
      <xdr:row>96</xdr:row>
      <xdr:rowOff>99981</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a:off x="12814300" y="16558533"/>
          <a:ext cx="889000" cy="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65405</xdr:rowOff>
    </xdr:from>
    <xdr:to>
      <xdr:col>72</xdr:col>
      <xdr:colOff>38100</xdr:colOff>
      <xdr:row>96</xdr:row>
      <xdr:rowOff>95555</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3652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12082</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3436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328</xdr:rowOff>
    </xdr:from>
    <xdr:to>
      <xdr:col>67</xdr:col>
      <xdr:colOff>101600</xdr:colOff>
      <xdr:row>96</xdr:row>
      <xdr:rowOff>95478</xdr:rowOff>
    </xdr:to>
    <xdr:sp macro="" textlink="">
      <xdr:nvSpPr>
        <xdr:cNvPr id="706" name="フローチャート: 判断 705">
          <a:extLst>
            <a:ext uri="{FF2B5EF4-FFF2-40B4-BE49-F238E27FC236}">
              <a16:creationId xmlns:a16="http://schemas.microsoft.com/office/drawing/2014/main" id="{00000000-0008-0000-0700-0000C2020000}"/>
            </a:ext>
          </a:extLst>
        </xdr:cNvPr>
        <xdr:cNvSpPr/>
      </xdr:nvSpPr>
      <xdr:spPr>
        <a:xfrm>
          <a:off x="12763500" y="1645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05</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2547111" y="16228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857</xdr:rowOff>
    </xdr:from>
    <xdr:to>
      <xdr:col>85</xdr:col>
      <xdr:colOff>177800</xdr:colOff>
      <xdr:row>96</xdr:row>
      <xdr:rowOff>154457</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6268700" y="16512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31284</xdr:rowOff>
    </xdr:from>
    <xdr:ext cx="534377" cy="259045"/>
    <xdr:sp macro="" textlink="">
      <xdr:nvSpPr>
        <xdr:cNvPr id="714" name="公債費該当値テキスト">
          <a:extLst>
            <a:ext uri="{FF2B5EF4-FFF2-40B4-BE49-F238E27FC236}">
              <a16:creationId xmlns:a16="http://schemas.microsoft.com/office/drawing/2014/main" id="{00000000-0008-0000-0700-0000CA020000}"/>
            </a:ext>
          </a:extLst>
        </xdr:cNvPr>
        <xdr:cNvSpPr txBox="1"/>
      </xdr:nvSpPr>
      <xdr:spPr>
        <a:xfrm>
          <a:off x="16370300" y="16490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39694</xdr:rowOff>
    </xdr:from>
    <xdr:to>
      <xdr:col>81</xdr:col>
      <xdr:colOff>101600</xdr:colOff>
      <xdr:row>96</xdr:row>
      <xdr:rowOff>141294</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5430500" y="16498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32421</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5214111" y="16591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25540</xdr:rowOff>
    </xdr:from>
    <xdr:to>
      <xdr:col>76</xdr:col>
      <xdr:colOff>165100</xdr:colOff>
      <xdr:row>96</xdr:row>
      <xdr:rowOff>127140</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4541500" y="164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8267</xdr:rowOff>
    </xdr:from>
    <xdr:ext cx="534377"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4325111" y="16577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49181</xdr:rowOff>
    </xdr:from>
    <xdr:to>
      <xdr:col>72</xdr:col>
      <xdr:colOff>38100</xdr:colOff>
      <xdr:row>96</xdr:row>
      <xdr:rowOff>150781</xdr:rowOff>
    </xdr:to>
    <xdr:sp macro="" textlink="">
      <xdr:nvSpPr>
        <xdr:cNvPr id="719" name="楕円 718">
          <a:extLst>
            <a:ext uri="{FF2B5EF4-FFF2-40B4-BE49-F238E27FC236}">
              <a16:creationId xmlns:a16="http://schemas.microsoft.com/office/drawing/2014/main" id="{00000000-0008-0000-0700-0000CF020000}"/>
            </a:ext>
          </a:extLst>
        </xdr:cNvPr>
        <xdr:cNvSpPr/>
      </xdr:nvSpPr>
      <xdr:spPr>
        <a:xfrm>
          <a:off x="13652500" y="16508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1908</xdr:rowOff>
    </xdr:from>
    <xdr:ext cx="534377"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3436111" y="16601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8533</xdr:rowOff>
    </xdr:from>
    <xdr:to>
      <xdr:col>67</xdr:col>
      <xdr:colOff>101600</xdr:colOff>
      <xdr:row>96</xdr:row>
      <xdr:rowOff>150133</xdr:rowOff>
    </xdr:to>
    <xdr:sp macro="" textlink="">
      <xdr:nvSpPr>
        <xdr:cNvPr id="721" name="楕円 720">
          <a:extLst>
            <a:ext uri="{FF2B5EF4-FFF2-40B4-BE49-F238E27FC236}">
              <a16:creationId xmlns:a16="http://schemas.microsoft.com/office/drawing/2014/main" id="{00000000-0008-0000-0700-0000D1020000}"/>
            </a:ext>
          </a:extLst>
        </xdr:cNvPr>
        <xdr:cNvSpPr/>
      </xdr:nvSpPr>
      <xdr:spPr>
        <a:xfrm>
          <a:off x="12763500" y="16507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1260</xdr:rowOff>
    </xdr:from>
    <xdr:ext cx="534377"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2547111" y="16600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諸支出金グラフ枠">
          <a:extLst>
            <a:ext uri="{FF2B5EF4-FFF2-40B4-BE49-F238E27FC236}">
              <a16:creationId xmlns:a16="http://schemas.microsoft.com/office/drawing/2014/main" id="{00000000-0008-0000-0700-0000E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4940</xdr:rowOff>
    </xdr:from>
    <xdr:to>
      <xdr:col>116</xdr:col>
      <xdr:colOff>62864</xdr:colOff>
      <xdr:row>39</xdr:row>
      <xdr:rowOff>4445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flipV="1">
          <a:off x="22159595" y="5298440"/>
          <a:ext cx="1269"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7" name="諸支出金最小値テキスト">
          <a:extLst>
            <a:ext uri="{FF2B5EF4-FFF2-40B4-BE49-F238E27FC236}">
              <a16:creationId xmlns:a16="http://schemas.microsoft.com/office/drawing/2014/main" id="{00000000-0008-0000-0700-0000EB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1617</xdr:rowOff>
    </xdr:from>
    <xdr:ext cx="469744" cy="259045"/>
    <xdr:sp macro="" textlink="">
      <xdr:nvSpPr>
        <xdr:cNvPr id="749" name="諸支出金最大値テキスト">
          <a:extLst>
            <a:ext uri="{FF2B5EF4-FFF2-40B4-BE49-F238E27FC236}">
              <a16:creationId xmlns:a16="http://schemas.microsoft.com/office/drawing/2014/main" id="{00000000-0008-0000-0700-0000ED020000}"/>
            </a:ext>
          </a:extLst>
        </xdr:cNvPr>
        <xdr:cNvSpPr txBox="1"/>
      </xdr:nvSpPr>
      <xdr:spPr>
        <a:xfrm>
          <a:off x="22212300" y="507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8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4940</xdr:rowOff>
    </xdr:from>
    <xdr:to>
      <xdr:col>116</xdr:col>
      <xdr:colOff>152400</xdr:colOff>
      <xdr:row>30</xdr:row>
      <xdr:rowOff>15494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2072600" y="5298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2059</xdr:rowOff>
    </xdr:from>
    <xdr:ext cx="378565" cy="259045"/>
    <xdr:sp macro="" textlink="">
      <xdr:nvSpPr>
        <xdr:cNvPr id="752" name="諸支出金平均値テキスト">
          <a:extLst>
            <a:ext uri="{FF2B5EF4-FFF2-40B4-BE49-F238E27FC236}">
              <a16:creationId xmlns:a16="http://schemas.microsoft.com/office/drawing/2014/main" id="{00000000-0008-0000-0700-0000F0020000}"/>
            </a:ext>
          </a:extLst>
        </xdr:cNvPr>
        <xdr:cNvSpPr txBox="1"/>
      </xdr:nvSpPr>
      <xdr:spPr>
        <a:xfrm>
          <a:off x="22212300" y="642570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9182</xdr:rowOff>
    </xdr:from>
    <xdr:to>
      <xdr:col>116</xdr:col>
      <xdr:colOff>114300</xdr:colOff>
      <xdr:row>38</xdr:row>
      <xdr:rowOff>160782</xdr:rowOff>
    </xdr:to>
    <xdr:sp macro="" textlink="">
      <xdr:nvSpPr>
        <xdr:cNvPr id="753" name="フローチャート: 判断 752">
          <a:extLst>
            <a:ext uri="{FF2B5EF4-FFF2-40B4-BE49-F238E27FC236}">
              <a16:creationId xmlns:a16="http://schemas.microsoft.com/office/drawing/2014/main" id="{00000000-0008-0000-0700-0000F1020000}"/>
            </a:ext>
          </a:extLst>
        </xdr:cNvPr>
        <xdr:cNvSpPr/>
      </xdr:nvSpPr>
      <xdr:spPr>
        <a:xfrm>
          <a:off x="22110700" y="6574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46812</xdr:rowOff>
    </xdr:from>
    <xdr:to>
      <xdr:col>112</xdr:col>
      <xdr:colOff>38100</xdr:colOff>
      <xdr:row>38</xdr:row>
      <xdr:rowOff>76962</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21272500" y="6490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93489</xdr:rowOff>
    </xdr:from>
    <xdr:ext cx="378565"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1134017" y="62656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4704</xdr:rowOff>
    </xdr:from>
    <xdr:to>
      <xdr:col>107</xdr:col>
      <xdr:colOff>101600</xdr:colOff>
      <xdr:row>38</xdr:row>
      <xdr:rowOff>146304</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20383500" y="6559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2831</xdr:rowOff>
    </xdr:from>
    <xdr:ext cx="378565"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0245017" y="63350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278</xdr:rowOff>
    </xdr:from>
    <xdr:to>
      <xdr:col>102</xdr:col>
      <xdr:colOff>165100</xdr:colOff>
      <xdr:row>38</xdr:row>
      <xdr:rowOff>166878</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19494500" y="658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955</xdr:rowOff>
    </xdr:from>
    <xdr:ext cx="378565"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9356017" y="63556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0706</xdr:rowOff>
    </xdr:from>
    <xdr:to>
      <xdr:col>98</xdr:col>
      <xdr:colOff>38100</xdr:colOff>
      <xdr:row>38</xdr:row>
      <xdr:rowOff>162306</xdr:rowOff>
    </xdr:to>
    <xdr:sp macro="" textlink="">
      <xdr:nvSpPr>
        <xdr:cNvPr id="763" name="フローチャート: 判断 762">
          <a:extLst>
            <a:ext uri="{FF2B5EF4-FFF2-40B4-BE49-F238E27FC236}">
              <a16:creationId xmlns:a16="http://schemas.microsoft.com/office/drawing/2014/main" id="{00000000-0008-0000-0700-0000FB020000}"/>
            </a:ext>
          </a:extLst>
        </xdr:cNvPr>
        <xdr:cNvSpPr/>
      </xdr:nvSpPr>
      <xdr:spPr>
        <a:xfrm>
          <a:off x="186055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7383</xdr:rowOff>
    </xdr:from>
    <xdr:ext cx="378565"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8467017" y="635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1" name="諸支出金該当値テキスト">
          <a:extLst>
            <a:ext uri="{FF2B5EF4-FFF2-40B4-BE49-F238E27FC236}">
              <a16:creationId xmlns:a16="http://schemas.microsoft.com/office/drawing/2014/main" id="{00000000-0008-0000-0700-000003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8" name="楕円 777">
          <a:extLst>
            <a:ext uri="{FF2B5EF4-FFF2-40B4-BE49-F238E27FC236}">
              <a16:creationId xmlns:a16="http://schemas.microsoft.com/office/drawing/2014/main" id="{00000000-0008-0000-0700-00000A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前年度繰上充用金グラフ枠">
          <a:extLst>
            <a:ext uri="{FF2B5EF4-FFF2-40B4-BE49-F238E27FC236}">
              <a16:creationId xmlns:a16="http://schemas.microsoft.com/office/drawing/2014/main" id="{00000000-0008-0000-07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6" name="前年度繰上充用金最小値テキスト">
          <a:extLst>
            <a:ext uri="{FF2B5EF4-FFF2-40B4-BE49-F238E27FC236}">
              <a16:creationId xmlns:a16="http://schemas.microsoft.com/office/drawing/2014/main" id="{00000000-0008-0000-0700-00001C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8" name="前年度繰上充用金最大値テキスト">
          <a:extLst>
            <a:ext uri="{FF2B5EF4-FFF2-40B4-BE49-F238E27FC236}">
              <a16:creationId xmlns:a16="http://schemas.microsoft.com/office/drawing/2014/main" id="{00000000-0008-0000-0700-00001E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1" name="前年度繰上充用金平均値テキスト">
          <a:extLst>
            <a:ext uri="{FF2B5EF4-FFF2-40B4-BE49-F238E27FC236}">
              <a16:creationId xmlns:a16="http://schemas.microsoft.com/office/drawing/2014/main" id="{00000000-0008-0000-0700-000021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2" name="フローチャート: 判断 801">
          <a:extLst>
            <a:ext uri="{FF2B5EF4-FFF2-40B4-BE49-F238E27FC236}">
              <a16:creationId xmlns:a16="http://schemas.microsoft.com/office/drawing/2014/main" id="{00000000-0008-0000-0700-000022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2" name="フローチャート: 判断 811">
          <a:extLst>
            <a:ext uri="{FF2B5EF4-FFF2-40B4-BE49-F238E27FC236}">
              <a16:creationId xmlns:a16="http://schemas.microsoft.com/office/drawing/2014/main" id="{00000000-0008-0000-0700-00002C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0" name="前年度繰上充用金該当値テキスト">
          <a:extLst>
            <a:ext uri="{FF2B5EF4-FFF2-40B4-BE49-F238E27FC236}">
              <a16:creationId xmlns:a16="http://schemas.microsoft.com/office/drawing/2014/main" id="{00000000-0008-0000-0700-000034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id="{00000000-0008-0000-0700-00003A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7" name="楕円 826">
          <a:extLst>
            <a:ext uri="{FF2B5EF4-FFF2-40B4-BE49-F238E27FC236}">
              <a16:creationId xmlns:a16="http://schemas.microsoft.com/office/drawing/2014/main" id="{00000000-0008-0000-0700-00003B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9" name="正方形/長方形 828">
          <a:extLst>
            <a:ext uri="{FF2B5EF4-FFF2-40B4-BE49-F238E27FC236}">
              <a16:creationId xmlns:a16="http://schemas.microsoft.com/office/drawing/2014/main" id="{00000000-0008-0000-0700-00003D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0" name="正方形/長方形 829">
          <a:extLst>
            <a:ext uri="{FF2B5EF4-FFF2-40B4-BE49-F238E27FC236}">
              <a16:creationId xmlns:a16="http://schemas.microsoft.com/office/drawing/2014/main" id="{00000000-0008-0000-0700-00003E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総務費は、事業費は横ばいのため人件費や基金への積立ての状況等により増減を繰り返しているが、令和２年度については、特別給付金事業の実施により大きく増加し、令和３年度については、特別定額給付金支給事業の完了により大きく減少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土木費は、鎌倉駅東口駅前広場や公園用地取得などの減額に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教育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以降増加傾向にあり、令和２年度は小学校</a:t>
          </a:r>
          <a:r>
            <a:rPr kumimoji="1" lang="en-US" altLang="ja-JP" sz="1300">
              <a:latin typeface="ＭＳ Ｐゴシック" panose="020B0600070205080204" pitchFamily="50" charset="-128"/>
              <a:ea typeface="ＭＳ Ｐゴシック" panose="020B0600070205080204" pitchFamily="50" charset="-128"/>
            </a:rPr>
            <a:t>GIGA</a:t>
          </a:r>
          <a:r>
            <a:rPr kumimoji="1" lang="ja-JP" altLang="en-US" sz="1300">
              <a:latin typeface="ＭＳ Ｐゴシック" panose="020B0600070205080204" pitchFamily="50" charset="-128"/>
              <a:ea typeface="ＭＳ Ｐゴシック" panose="020B0600070205080204" pitchFamily="50" charset="-128"/>
            </a:rPr>
            <a:t>スクール構想対応高速</a:t>
          </a:r>
          <a:r>
            <a:rPr kumimoji="1" lang="en-US" altLang="ja-JP" sz="1300">
              <a:latin typeface="ＭＳ Ｐゴシック" panose="020B0600070205080204" pitchFamily="50" charset="-128"/>
              <a:ea typeface="ＭＳ Ｐゴシック" panose="020B0600070205080204" pitchFamily="50" charset="-128"/>
            </a:rPr>
            <a:t>Wi-Fi</a:t>
          </a:r>
          <a:r>
            <a:rPr kumimoji="1" lang="ja-JP" altLang="en-US" sz="1300">
              <a:latin typeface="ＭＳ Ｐゴシック" panose="020B0600070205080204" pitchFamily="50" charset="-128"/>
              <a:ea typeface="ＭＳ Ｐゴシック" panose="020B0600070205080204" pitchFamily="50" charset="-128"/>
            </a:rPr>
            <a:t>化整備事業や小学校トイレ環境改善事業により増加していたが、当該事業の完了に伴い、令和３年度は減少し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itchFamily="49" charset="-128"/>
              <a:ea typeface="ＭＳ ゴシック" pitchFamily="49" charset="-128"/>
            </a:rPr>
            <a:t>　</a:t>
          </a:r>
          <a:r>
            <a:rPr kumimoji="1" lang="ja-JP" altLang="en-US" sz="1050">
              <a:latin typeface="ＭＳ ゴシック" pitchFamily="49" charset="-128"/>
              <a:ea typeface="ＭＳ ゴシック" pitchFamily="49" charset="-128"/>
            </a:rPr>
            <a:t>財政調整基金については、中期的な見通しのもとに決算剰余金を中心に積み立てるとともに、最低水準の取り崩しに努めている。　令和３年度は、剰余金の増により積立額が増となったことや新型コロナウイルスの影響により実施ができない事業の見直し等取り崩し額が減少し、残高が増加した。実質収支については、国県支出金の増などによる歳入が増額となったことにより、前年度と比べ増となった。実質単年度収支については、財政調整基の取崩しが前年度に比べて減り、積立額は増加したことから、前年度と比べ増となった。</a:t>
          </a:r>
          <a:endParaRPr kumimoji="1" lang="ja-JP" altLang="en-US" sz="11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は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に東日本大震災の影響や普通建設補助事業で多額の事故繰越しが発生したため実質収支が極端に悪化したところであるが、平成</a:t>
          </a:r>
          <a:r>
            <a:rPr kumimoji="1" lang="en-US" altLang="ja-JP" sz="1400">
              <a:latin typeface="ＭＳ ゴシック" pitchFamily="49" charset="-128"/>
              <a:ea typeface="ＭＳ ゴシック" pitchFamily="49" charset="-128"/>
            </a:rPr>
            <a:t>23</a:t>
          </a:r>
          <a:r>
            <a:rPr kumimoji="1" lang="ja-JP" altLang="en-US" sz="1400">
              <a:latin typeface="ＭＳ ゴシック" pitchFamily="49" charset="-128"/>
              <a:ea typeface="ＭＳ ゴシック" pitchFamily="49" charset="-128"/>
            </a:rPr>
            <a:t>年度以降はその状況が好転している。</a:t>
          </a:r>
        </a:p>
        <a:p>
          <a:r>
            <a:rPr kumimoji="1" lang="ja-JP" altLang="en-US" sz="1400">
              <a:latin typeface="ＭＳ ゴシック" pitchFamily="49" charset="-128"/>
              <a:ea typeface="ＭＳ ゴシック" pitchFamily="49" charset="-128"/>
            </a:rPr>
            <a:t>　令和元年度から下水道事業会計が公営企業化し、その他の会計については多少の増減はあるが、黒字傾向が続いている。</a:t>
          </a:r>
        </a:p>
        <a:p>
          <a:r>
            <a:rPr kumimoji="1" lang="ja-JP" altLang="en-US" sz="1400">
              <a:latin typeface="ＭＳ ゴシック" pitchFamily="49" charset="-128"/>
              <a:ea typeface="ＭＳ ゴシック" pitchFamily="49" charset="-128"/>
            </a:rPr>
            <a:t>　令和３年度は下水道　、国保を除く各会計において好転しており、特に一般会計が大きく好転し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3.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4.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5.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2.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69868970</v>
      </c>
      <c r="BO4" s="411"/>
      <c r="BP4" s="411"/>
      <c r="BQ4" s="411"/>
      <c r="BR4" s="411"/>
      <c r="BS4" s="411"/>
      <c r="BT4" s="411"/>
      <c r="BU4" s="412"/>
      <c r="BV4" s="410">
        <v>82872466</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12.5</v>
      </c>
      <c r="CU4" s="417"/>
      <c r="CV4" s="417"/>
      <c r="CW4" s="417"/>
      <c r="CX4" s="417"/>
      <c r="CY4" s="417"/>
      <c r="CZ4" s="417"/>
      <c r="DA4" s="418"/>
      <c r="DB4" s="416">
        <v>8.6</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64948417</v>
      </c>
      <c r="BO5" s="448"/>
      <c r="BP5" s="448"/>
      <c r="BQ5" s="448"/>
      <c r="BR5" s="448"/>
      <c r="BS5" s="448"/>
      <c r="BT5" s="448"/>
      <c r="BU5" s="449"/>
      <c r="BV5" s="447">
        <v>79215669</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99.9</v>
      </c>
      <c r="CU5" s="445"/>
      <c r="CV5" s="445"/>
      <c r="CW5" s="445"/>
      <c r="CX5" s="445"/>
      <c r="CY5" s="445"/>
      <c r="CZ5" s="445"/>
      <c r="DA5" s="446"/>
      <c r="DB5" s="444">
        <v>99.8</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102</v>
      </c>
      <c r="AV6" s="480"/>
      <c r="AW6" s="480"/>
      <c r="AX6" s="480"/>
      <c r="AY6" s="481" t="s">
        <v>103</v>
      </c>
      <c r="AZ6" s="482"/>
      <c r="BA6" s="482"/>
      <c r="BB6" s="482"/>
      <c r="BC6" s="482"/>
      <c r="BD6" s="482"/>
      <c r="BE6" s="482"/>
      <c r="BF6" s="482"/>
      <c r="BG6" s="482"/>
      <c r="BH6" s="482"/>
      <c r="BI6" s="482"/>
      <c r="BJ6" s="482"/>
      <c r="BK6" s="482"/>
      <c r="BL6" s="482"/>
      <c r="BM6" s="483"/>
      <c r="BN6" s="447">
        <v>4920553</v>
      </c>
      <c r="BO6" s="448"/>
      <c r="BP6" s="448"/>
      <c r="BQ6" s="448"/>
      <c r="BR6" s="448"/>
      <c r="BS6" s="448"/>
      <c r="BT6" s="448"/>
      <c r="BU6" s="449"/>
      <c r="BV6" s="447">
        <v>3656797</v>
      </c>
      <c r="BW6" s="448"/>
      <c r="BX6" s="448"/>
      <c r="BY6" s="448"/>
      <c r="BZ6" s="448"/>
      <c r="CA6" s="448"/>
      <c r="CB6" s="448"/>
      <c r="CC6" s="449"/>
      <c r="CD6" s="450" t="s">
        <v>104</v>
      </c>
      <c r="CE6" s="451"/>
      <c r="CF6" s="451"/>
      <c r="CG6" s="451"/>
      <c r="CH6" s="451"/>
      <c r="CI6" s="451"/>
      <c r="CJ6" s="451"/>
      <c r="CK6" s="451"/>
      <c r="CL6" s="451"/>
      <c r="CM6" s="451"/>
      <c r="CN6" s="451"/>
      <c r="CO6" s="451"/>
      <c r="CP6" s="451"/>
      <c r="CQ6" s="451"/>
      <c r="CR6" s="451"/>
      <c r="CS6" s="452"/>
      <c r="CT6" s="484">
        <v>99.9</v>
      </c>
      <c r="CU6" s="485"/>
      <c r="CV6" s="485"/>
      <c r="CW6" s="485"/>
      <c r="CX6" s="485"/>
      <c r="CY6" s="485"/>
      <c r="CZ6" s="485"/>
      <c r="DA6" s="486"/>
      <c r="DB6" s="484">
        <v>99.8</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5</v>
      </c>
      <c r="AN7" s="477"/>
      <c r="AO7" s="477"/>
      <c r="AP7" s="477"/>
      <c r="AQ7" s="477"/>
      <c r="AR7" s="477"/>
      <c r="AS7" s="477"/>
      <c r="AT7" s="478"/>
      <c r="AU7" s="479" t="s">
        <v>106</v>
      </c>
      <c r="AV7" s="480"/>
      <c r="AW7" s="480"/>
      <c r="AX7" s="480"/>
      <c r="AY7" s="481" t="s">
        <v>107</v>
      </c>
      <c r="AZ7" s="482"/>
      <c r="BA7" s="482"/>
      <c r="BB7" s="482"/>
      <c r="BC7" s="482"/>
      <c r="BD7" s="482"/>
      <c r="BE7" s="482"/>
      <c r="BF7" s="482"/>
      <c r="BG7" s="482"/>
      <c r="BH7" s="482"/>
      <c r="BI7" s="482"/>
      <c r="BJ7" s="482"/>
      <c r="BK7" s="482"/>
      <c r="BL7" s="482"/>
      <c r="BM7" s="483"/>
      <c r="BN7" s="447">
        <v>359652</v>
      </c>
      <c r="BO7" s="448"/>
      <c r="BP7" s="448"/>
      <c r="BQ7" s="448"/>
      <c r="BR7" s="448"/>
      <c r="BS7" s="448"/>
      <c r="BT7" s="448"/>
      <c r="BU7" s="449"/>
      <c r="BV7" s="447">
        <v>431783</v>
      </c>
      <c r="BW7" s="448"/>
      <c r="BX7" s="448"/>
      <c r="BY7" s="448"/>
      <c r="BZ7" s="448"/>
      <c r="CA7" s="448"/>
      <c r="CB7" s="448"/>
      <c r="CC7" s="449"/>
      <c r="CD7" s="450" t="s">
        <v>108</v>
      </c>
      <c r="CE7" s="451"/>
      <c r="CF7" s="451"/>
      <c r="CG7" s="451"/>
      <c r="CH7" s="451"/>
      <c r="CI7" s="451"/>
      <c r="CJ7" s="451"/>
      <c r="CK7" s="451"/>
      <c r="CL7" s="451"/>
      <c r="CM7" s="451"/>
      <c r="CN7" s="451"/>
      <c r="CO7" s="451"/>
      <c r="CP7" s="451"/>
      <c r="CQ7" s="451"/>
      <c r="CR7" s="451"/>
      <c r="CS7" s="452"/>
      <c r="CT7" s="447">
        <v>36532544</v>
      </c>
      <c r="CU7" s="448"/>
      <c r="CV7" s="448"/>
      <c r="CW7" s="448"/>
      <c r="CX7" s="448"/>
      <c r="CY7" s="448"/>
      <c r="CZ7" s="448"/>
      <c r="DA7" s="449"/>
      <c r="DB7" s="447">
        <v>37621530</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9</v>
      </c>
      <c r="AN8" s="477"/>
      <c r="AO8" s="477"/>
      <c r="AP8" s="477"/>
      <c r="AQ8" s="477"/>
      <c r="AR8" s="477"/>
      <c r="AS8" s="477"/>
      <c r="AT8" s="478"/>
      <c r="AU8" s="479" t="s">
        <v>110</v>
      </c>
      <c r="AV8" s="480"/>
      <c r="AW8" s="480"/>
      <c r="AX8" s="480"/>
      <c r="AY8" s="481" t="s">
        <v>111</v>
      </c>
      <c r="AZ8" s="482"/>
      <c r="BA8" s="482"/>
      <c r="BB8" s="482"/>
      <c r="BC8" s="482"/>
      <c r="BD8" s="482"/>
      <c r="BE8" s="482"/>
      <c r="BF8" s="482"/>
      <c r="BG8" s="482"/>
      <c r="BH8" s="482"/>
      <c r="BI8" s="482"/>
      <c r="BJ8" s="482"/>
      <c r="BK8" s="482"/>
      <c r="BL8" s="482"/>
      <c r="BM8" s="483"/>
      <c r="BN8" s="447">
        <v>4560901</v>
      </c>
      <c r="BO8" s="448"/>
      <c r="BP8" s="448"/>
      <c r="BQ8" s="448"/>
      <c r="BR8" s="448"/>
      <c r="BS8" s="448"/>
      <c r="BT8" s="448"/>
      <c r="BU8" s="449"/>
      <c r="BV8" s="447">
        <v>3225014</v>
      </c>
      <c r="BW8" s="448"/>
      <c r="BX8" s="448"/>
      <c r="BY8" s="448"/>
      <c r="BZ8" s="448"/>
      <c r="CA8" s="448"/>
      <c r="CB8" s="448"/>
      <c r="CC8" s="449"/>
      <c r="CD8" s="450" t="s">
        <v>112</v>
      </c>
      <c r="CE8" s="451"/>
      <c r="CF8" s="451"/>
      <c r="CG8" s="451"/>
      <c r="CH8" s="451"/>
      <c r="CI8" s="451"/>
      <c r="CJ8" s="451"/>
      <c r="CK8" s="451"/>
      <c r="CL8" s="451"/>
      <c r="CM8" s="451"/>
      <c r="CN8" s="451"/>
      <c r="CO8" s="451"/>
      <c r="CP8" s="451"/>
      <c r="CQ8" s="451"/>
      <c r="CR8" s="451"/>
      <c r="CS8" s="452"/>
      <c r="CT8" s="487">
        <v>1.07</v>
      </c>
      <c r="CU8" s="488"/>
      <c r="CV8" s="488"/>
      <c r="CW8" s="488"/>
      <c r="CX8" s="488"/>
      <c r="CY8" s="488"/>
      <c r="CZ8" s="488"/>
      <c r="DA8" s="489"/>
      <c r="DB8" s="487">
        <v>1.0900000000000001</v>
      </c>
      <c r="DC8" s="488"/>
      <c r="DD8" s="488"/>
      <c r="DE8" s="488"/>
      <c r="DF8" s="488"/>
      <c r="DG8" s="488"/>
      <c r="DH8" s="488"/>
      <c r="DI8" s="489"/>
    </row>
    <row r="9" spans="1:119" ht="18.75" customHeight="1" thickBot="1" x14ac:dyDescent="0.25">
      <c r="A9" s="178"/>
      <c r="B9" s="441" t="s">
        <v>113</v>
      </c>
      <c r="C9" s="442"/>
      <c r="D9" s="442"/>
      <c r="E9" s="442"/>
      <c r="F9" s="442"/>
      <c r="G9" s="442"/>
      <c r="H9" s="442"/>
      <c r="I9" s="442"/>
      <c r="J9" s="442"/>
      <c r="K9" s="490"/>
      <c r="L9" s="491" t="s">
        <v>114</v>
      </c>
      <c r="M9" s="492"/>
      <c r="N9" s="492"/>
      <c r="O9" s="492"/>
      <c r="P9" s="492"/>
      <c r="Q9" s="493"/>
      <c r="R9" s="494">
        <v>172710</v>
      </c>
      <c r="S9" s="495"/>
      <c r="T9" s="495"/>
      <c r="U9" s="495"/>
      <c r="V9" s="496"/>
      <c r="W9" s="404" t="s">
        <v>115</v>
      </c>
      <c r="X9" s="405"/>
      <c r="Y9" s="405"/>
      <c r="Z9" s="405"/>
      <c r="AA9" s="405"/>
      <c r="AB9" s="405"/>
      <c r="AC9" s="405"/>
      <c r="AD9" s="405"/>
      <c r="AE9" s="405"/>
      <c r="AF9" s="405"/>
      <c r="AG9" s="405"/>
      <c r="AH9" s="405"/>
      <c r="AI9" s="405"/>
      <c r="AJ9" s="405"/>
      <c r="AK9" s="405"/>
      <c r="AL9" s="406"/>
      <c r="AM9" s="476" t="s">
        <v>116</v>
      </c>
      <c r="AN9" s="477"/>
      <c r="AO9" s="477"/>
      <c r="AP9" s="477"/>
      <c r="AQ9" s="477"/>
      <c r="AR9" s="477"/>
      <c r="AS9" s="477"/>
      <c r="AT9" s="478"/>
      <c r="AU9" s="479" t="s">
        <v>117</v>
      </c>
      <c r="AV9" s="480"/>
      <c r="AW9" s="480"/>
      <c r="AX9" s="480"/>
      <c r="AY9" s="481" t="s">
        <v>118</v>
      </c>
      <c r="AZ9" s="482"/>
      <c r="BA9" s="482"/>
      <c r="BB9" s="482"/>
      <c r="BC9" s="482"/>
      <c r="BD9" s="482"/>
      <c r="BE9" s="482"/>
      <c r="BF9" s="482"/>
      <c r="BG9" s="482"/>
      <c r="BH9" s="482"/>
      <c r="BI9" s="482"/>
      <c r="BJ9" s="482"/>
      <c r="BK9" s="482"/>
      <c r="BL9" s="482"/>
      <c r="BM9" s="483"/>
      <c r="BN9" s="447">
        <v>1335887</v>
      </c>
      <c r="BO9" s="448"/>
      <c r="BP9" s="448"/>
      <c r="BQ9" s="448"/>
      <c r="BR9" s="448"/>
      <c r="BS9" s="448"/>
      <c r="BT9" s="448"/>
      <c r="BU9" s="449"/>
      <c r="BV9" s="447">
        <v>650157</v>
      </c>
      <c r="BW9" s="448"/>
      <c r="BX9" s="448"/>
      <c r="BY9" s="448"/>
      <c r="BZ9" s="448"/>
      <c r="CA9" s="448"/>
      <c r="CB9" s="448"/>
      <c r="CC9" s="449"/>
      <c r="CD9" s="450" t="s">
        <v>119</v>
      </c>
      <c r="CE9" s="451"/>
      <c r="CF9" s="451"/>
      <c r="CG9" s="451"/>
      <c r="CH9" s="451"/>
      <c r="CI9" s="451"/>
      <c r="CJ9" s="451"/>
      <c r="CK9" s="451"/>
      <c r="CL9" s="451"/>
      <c r="CM9" s="451"/>
      <c r="CN9" s="451"/>
      <c r="CO9" s="451"/>
      <c r="CP9" s="451"/>
      <c r="CQ9" s="451"/>
      <c r="CR9" s="451"/>
      <c r="CS9" s="452"/>
      <c r="CT9" s="444">
        <v>8.5</v>
      </c>
      <c r="CU9" s="445"/>
      <c r="CV9" s="445"/>
      <c r="CW9" s="445"/>
      <c r="CX9" s="445"/>
      <c r="CY9" s="445"/>
      <c r="CZ9" s="445"/>
      <c r="DA9" s="446"/>
      <c r="DB9" s="444">
        <v>9.1</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20</v>
      </c>
      <c r="M10" s="477"/>
      <c r="N10" s="477"/>
      <c r="O10" s="477"/>
      <c r="P10" s="477"/>
      <c r="Q10" s="478"/>
      <c r="R10" s="498">
        <v>173019</v>
      </c>
      <c r="S10" s="499"/>
      <c r="T10" s="499"/>
      <c r="U10" s="499"/>
      <c r="V10" s="500"/>
      <c r="W10" s="435"/>
      <c r="X10" s="436"/>
      <c r="Y10" s="436"/>
      <c r="Z10" s="436"/>
      <c r="AA10" s="436"/>
      <c r="AB10" s="436"/>
      <c r="AC10" s="436"/>
      <c r="AD10" s="436"/>
      <c r="AE10" s="436"/>
      <c r="AF10" s="436"/>
      <c r="AG10" s="436"/>
      <c r="AH10" s="436"/>
      <c r="AI10" s="436"/>
      <c r="AJ10" s="436"/>
      <c r="AK10" s="436"/>
      <c r="AL10" s="439"/>
      <c r="AM10" s="476" t="s">
        <v>121</v>
      </c>
      <c r="AN10" s="477"/>
      <c r="AO10" s="477"/>
      <c r="AP10" s="477"/>
      <c r="AQ10" s="477"/>
      <c r="AR10" s="477"/>
      <c r="AS10" s="477"/>
      <c r="AT10" s="478"/>
      <c r="AU10" s="479" t="s">
        <v>110</v>
      </c>
      <c r="AV10" s="480"/>
      <c r="AW10" s="480"/>
      <c r="AX10" s="480"/>
      <c r="AY10" s="481" t="s">
        <v>122</v>
      </c>
      <c r="AZ10" s="482"/>
      <c r="BA10" s="482"/>
      <c r="BB10" s="482"/>
      <c r="BC10" s="482"/>
      <c r="BD10" s="482"/>
      <c r="BE10" s="482"/>
      <c r="BF10" s="482"/>
      <c r="BG10" s="482"/>
      <c r="BH10" s="482"/>
      <c r="BI10" s="482"/>
      <c r="BJ10" s="482"/>
      <c r="BK10" s="482"/>
      <c r="BL10" s="482"/>
      <c r="BM10" s="483"/>
      <c r="BN10" s="447">
        <v>1303892</v>
      </c>
      <c r="BO10" s="448"/>
      <c r="BP10" s="448"/>
      <c r="BQ10" s="448"/>
      <c r="BR10" s="448"/>
      <c r="BS10" s="448"/>
      <c r="BT10" s="448"/>
      <c r="BU10" s="449"/>
      <c r="BV10" s="447">
        <v>831602</v>
      </c>
      <c r="BW10" s="448"/>
      <c r="BX10" s="448"/>
      <c r="BY10" s="448"/>
      <c r="BZ10" s="448"/>
      <c r="CA10" s="448"/>
      <c r="CB10" s="448"/>
      <c r="CC10" s="449"/>
      <c r="CD10" s="181" t="s">
        <v>123</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4</v>
      </c>
      <c r="M11" s="502"/>
      <c r="N11" s="502"/>
      <c r="O11" s="502"/>
      <c r="P11" s="502"/>
      <c r="Q11" s="503"/>
      <c r="R11" s="504" t="s">
        <v>125</v>
      </c>
      <c r="S11" s="505"/>
      <c r="T11" s="505"/>
      <c r="U11" s="505"/>
      <c r="V11" s="506"/>
      <c r="W11" s="435"/>
      <c r="X11" s="436"/>
      <c r="Y11" s="436"/>
      <c r="Z11" s="436"/>
      <c r="AA11" s="436"/>
      <c r="AB11" s="436"/>
      <c r="AC11" s="436"/>
      <c r="AD11" s="436"/>
      <c r="AE11" s="436"/>
      <c r="AF11" s="436"/>
      <c r="AG11" s="436"/>
      <c r="AH11" s="436"/>
      <c r="AI11" s="436"/>
      <c r="AJ11" s="436"/>
      <c r="AK11" s="436"/>
      <c r="AL11" s="439"/>
      <c r="AM11" s="476" t="s">
        <v>126</v>
      </c>
      <c r="AN11" s="477"/>
      <c r="AO11" s="477"/>
      <c r="AP11" s="477"/>
      <c r="AQ11" s="477"/>
      <c r="AR11" s="477"/>
      <c r="AS11" s="477"/>
      <c r="AT11" s="478"/>
      <c r="AU11" s="479" t="s">
        <v>110</v>
      </c>
      <c r="AV11" s="480"/>
      <c r="AW11" s="480"/>
      <c r="AX11" s="480"/>
      <c r="AY11" s="481" t="s">
        <v>127</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8</v>
      </c>
      <c r="CE11" s="451"/>
      <c r="CF11" s="451"/>
      <c r="CG11" s="451"/>
      <c r="CH11" s="451"/>
      <c r="CI11" s="451"/>
      <c r="CJ11" s="451"/>
      <c r="CK11" s="451"/>
      <c r="CL11" s="451"/>
      <c r="CM11" s="451"/>
      <c r="CN11" s="451"/>
      <c r="CO11" s="451"/>
      <c r="CP11" s="451"/>
      <c r="CQ11" s="451"/>
      <c r="CR11" s="451"/>
      <c r="CS11" s="452"/>
      <c r="CT11" s="487" t="s">
        <v>129</v>
      </c>
      <c r="CU11" s="488"/>
      <c r="CV11" s="488"/>
      <c r="CW11" s="488"/>
      <c r="CX11" s="488"/>
      <c r="CY11" s="488"/>
      <c r="CZ11" s="488"/>
      <c r="DA11" s="489"/>
      <c r="DB11" s="487" t="s">
        <v>130</v>
      </c>
      <c r="DC11" s="488"/>
      <c r="DD11" s="488"/>
      <c r="DE11" s="488"/>
      <c r="DF11" s="488"/>
      <c r="DG11" s="488"/>
      <c r="DH11" s="488"/>
      <c r="DI11" s="489"/>
    </row>
    <row r="12" spans="1:119" ht="18.75" customHeight="1" x14ac:dyDescent="0.2">
      <c r="A12" s="178"/>
      <c r="B12" s="507" t="s">
        <v>131</v>
      </c>
      <c r="C12" s="508"/>
      <c r="D12" s="508"/>
      <c r="E12" s="508"/>
      <c r="F12" s="508"/>
      <c r="G12" s="508"/>
      <c r="H12" s="508"/>
      <c r="I12" s="508"/>
      <c r="J12" s="508"/>
      <c r="K12" s="509"/>
      <c r="L12" s="516" t="s">
        <v>132</v>
      </c>
      <c r="M12" s="517"/>
      <c r="N12" s="517"/>
      <c r="O12" s="517"/>
      <c r="P12" s="517"/>
      <c r="Q12" s="518"/>
      <c r="R12" s="519">
        <v>177051</v>
      </c>
      <c r="S12" s="520"/>
      <c r="T12" s="520"/>
      <c r="U12" s="520"/>
      <c r="V12" s="521"/>
      <c r="W12" s="522" t="s">
        <v>1</v>
      </c>
      <c r="X12" s="480"/>
      <c r="Y12" s="480"/>
      <c r="Z12" s="480"/>
      <c r="AA12" s="480"/>
      <c r="AB12" s="523"/>
      <c r="AC12" s="524" t="s">
        <v>133</v>
      </c>
      <c r="AD12" s="525"/>
      <c r="AE12" s="525"/>
      <c r="AF12" s="525"/>
      <c r="AG12" s="526"/>
      <c r="AH12" s="524" t="s">
        <v>134</v>
      </c>
      <c r="AI12" s="525"/>
      <c r="AJ12" s="525"/>
      <c r="AK12" s="525"/>
      <c r="AL12" s="527"/>
      <c r="AM12" s="476" t="s">
        <v>135</v>
      </c>
      <c r="AN12" s="477"/>
      <c r="AO12" s="477"/>
      <c r="AP12" s="477"/>
      <c r="AQ12" s="477"/>
      <c r="AR12" s="477"/>
      <c r="AS12" s="477"/>
      <c r="AT12" s="478"/>
      <c r="AU12" s="479" t="s">
        <v>117</v>
      </c>
      <c r="AV12" s="480"/>
      <c r="AW12" s="480"/>
      <c r="AX12" s="480"/>
      <c r="AY12" s="481" t="s">
        <v>136</v>
      </c>
      <c r="AZ12" s="482"/>
      <c r="BA12" s="482"/>
      <c r="BB12" s="482"/>
      <c r="BC12" s="482"/>
      <c r="BD12" s="482"/>
      <c r="BE12" s="482"/>
      <c r="BF12" s="482"/>
      <c r="BG12" s="482"/>
      <c r="BH12" s="482"/>
      <c r="BI12" s="482"/>
      <c r="BJ12" s="482"/>
      <c r="BK12" s="482"/>
      <c r="BL12" s="482"/>
      <c r="BM12" s="483"/>
      <c r="BN12" s="447">
        <v>69365</v>
      </c>
      <c r="BO12" s="448"/>
      <c r="BP12" s="448"/>
      <c r="BQ12" s="448"/>
      <c r="BR12" s="448"/>
      <c r="BS12" s="448"/>
      <c r="BT12" s="448"/>
      <c r="BU12" s="449"/>
      <c r="BV12" s="447">
        <v>378887</v>
      </c>
      <c r="BW12" s="448"/>
      <c r="BX12" s="448"/>
      <c r="BY12" s="448"/>
      <c r="BZ12" s="448"/>
      <c r="CA12" s="448"/>
      <c r="CB12" s="448"/>
      <c r="CC12" s="449"/>
      <c r="CD12" s="450" t="s">
        <v>137</v>
      </c>
      <c r="CE12" s="451"/>
      <c r="CF12" s="451"/>
      <c r="CG12" s="451"/>
      <c r="CH12" s="451"/>
      <c r="CI12" s="451"/>
      <c r="CJ12" s="451"/>
      <c r="CK12" s="451"/>
      <c r="CL12" s="451"/>
      <c r="CM12" s="451"/>
      <c r="CN12" s="451"/>
      <c r="CO12" s="451"/>
      <c r="CP12" s="451"/>
      <c r="CQ12" s="451"/>
      <c r="CR12" s="451"/>
      <c r="CS12" s="452"/>
      <c r="CT12" s="487" t="s">
        <v>129</v>
      </c>
      <c r="CU12" s="488"/>
      <c r="CV12" s="488"/>
      <c r="CW12" s="488"/>
      <c r="CX12" s="488"/>
      <c r="CY12" s="488"/>
      <c r="CZ12" s="488"/>
      <c r="DA12" s="489"/>
      <c r="DB12" s="487" t="s">
        <v>129</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8</v>
      </c>
      <c r="N13" s="539"/>
      <c r="O13" s="539"/>
      <c r="P13" s="539"/>
      <c r="Q13" s="540"/>
      <c r="R13" s="531">
        <v>175421</v>
      </c>
      <c r="S13" s="532"/>
      <c r="T13" s="532"/>
      <c r="U13" s="532"/>
      <c r="V13" s="533"/>
      <c r="W13" s="463" t="s">
        <v>139</v>
      </c>
      <c r="X13" s="464"/>
      <c r="Y13" s="464"/>
      <c r="Z13" s="464"/>
      <c r="AA13" s="464"/>
      <c r="AB13" s="454"/>
      <c r="AC13" s="498">
        <v>528</v>
      </c>
      <c r="AD13" s="499"/>
      <c r="AE13" s="499"/>
      <c r="AF13" s="499"/>
      <c r="AG13" s="541"/>
      <c r="AH13" s="498">
        <v>502</v>
      </c>
      <c r="AI13" s="499"/>
      <c r="AJ13" s="499"/>
      <c r="AK13" s="499"/>
      <c r="AL13" s="500"/>
      <c r="AM13" s="476" t="s">
        <v>140</v>
      </c>
      <c r="AN13" s="477"/>
      <c r="AO13" s="477"/>
      <c r="AP13" s="477"/>
      <c r="AQ13" s="477"/>
      <c r="AR13" s="477"/>
      <c r="AS13" s="477"/>
      <c r="AT13" s="478"/>
      <c r="AU13" s="479" t="s">
        <v>141</v>
      </c>
      <c r="AV13" s="480"/>
      <c r="AW13" s="480"/>
      <c r="AX13" s="480"/>
      <c r="AY13" s="481" t="s">
        <v>142</v>
      </c>
      <c r="AZ13" s="482"/>
      <c r="BA13" s="482"/>
      <c r="BB13" s="482"/>
      <c r="BC13" s="482"/>
      <c r="BD13" s="482"/>
      <c r="BE13" s="482"/>
      <c r="BF13" s="482"/>
      <c r="BG13" s="482"/>
      <c r="BH13" s="482"/>
      <c r="BI13" s="482"/>
      <c r="BJ13" s="482"/>
      <c r="BK13" s="482"/>
      <c r="BL13" s="482"/>
      <c r="BM13" s="483"/>
      <c r="BN13" s="447">
        <v>2570414</v>
      </c>
      <c r="BO13" s="448"/>
      <c r="BP13" s="448"/>
      <c r="BQ13" s="448"/>
      <c r="BR13" s="448"/>
      <c r="BS13" s="448"/>
      <c r="BT13" s="448"/>
      <c r="BU13" s="449"/>
      <c r="BV13" s="447">
        <v>1102872</v>
      </c>
      <c r="BW13" s="448"/>
      <c r="BX13" s="448"/>
      <c r="BY13" s="448"/>
      <c r="BZ13" s="448"/>
      <c r="CA13" s="448"/>
      <c r="CB13" s="448"/>
      <c r="CC13" s="449"/>
      <c r="CD13" s="450" t="s">
        <v>143</v>
      </c>
      <c r="CE13" s="451"/>
      <c r="CF13" s="451"/>
      <c r="CG13" s="451"/>
      <c r="CH13" s="451"/>
      <c r="CI13" s="451"/>
      <c r="CJ13" s="451"/>
      <c r="CK13" s="451"/>
      <c r="CL13" s="451"/>
      <c r="CM13" s="451"/>
      <c r="CN13" s="451"/>
      <c r="CO13" s="451"/>
      <c r="CP13" s="451"/>
      <c r="CQ13" s="451"/>
      <c r="CR13" s="451"/>
      <c r="CS13" s="452"/>
      <c r="CT13" s="444">
        <v>1.1000000000000001</v>
      </c>
      <c r="CU13" s="445"/>
      <c r="CV13" s="445"/>
      <c r="CW13" s="445"/>
      <c r="CX13" s="445"/>
      <c r="CY13" s="445"/>
      <c r="CZ13" s="445"/>
      <c r="DA13" s="446"/>
      <c r="DB13" s="444">
        <v>1.1000000000000001</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4</v>
      </c>
      <c r="M14" s="529"/>
      <c r="N14" s="529"/>
      <c r="O14" s="529"/>
      <c r="P14" s="529"/>
      <c r="Q14" s="530"/>
      <c r="R14" s="531">
        <v>177053</v>
      </c>
      <c r="S14" s="532"/>
      <c r="T14" s="532"/>
      <c r="U14" s="532"/>
      <c r="V14" s="533"/>
      <c r="W14" s="437"/>
      <c r="X14" s="438"/>
      <c r="Y14" s="438"/>
      <c r="Z14" s="438"/>
      <c r="AA14" s="438"/>
      <c r="AB14" s="427"/>
      <c r="AC14" s="534">
        <v>0.7</v>
      </c>
      <c r="AD14" s="535"/>
      <c r="AE14" s="535"/>
      <c r="AF14" s="535"/>
      <c r="AG14" s="536"/>
      <c r="AH14" s="534">
        <v>0.7</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5</v>
      </c>
      <c r="CE14" s="543"/>
      <c r="CF14" s="543"/>
      <c r="CG14" s="543"/>
      <c r="CH14" s="543"/>
      <c r="CI14" s="543"/>
      <c r="CJ14" s="543"/>
      <c r="CK14" s="543"/>
      <c r="CL14" s="543"/>
      <c r="CM14" s="543"/>
      <c r="CN14" s="543"/>
      <c r="CO14" s="543"/>
      <c r="CP14" s="543"/>
      <c r="CQ14" s="543"/>
      <c r="CR14" s="543"/>
      <c r="CS14" s="544"/>
      <c r="CT14" s="545" t="s">
        <v>146</v>
      </c>
      <c r="CU14" s="546"/>
      <c r="CV14" s="546"/>
      <c r="CW14" s="546"/>
      <c r="CX14" s="546"/>
      <c r="CY14" s="546"/>
      <c r="CZ14" s="546"/>
      <c r="DA14" s="547"/>
      <c r="DB14" s="545" t="s">
        <v>146</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7</v>
      </c>
      <c r="N15" s="539"/>
      <c r="O15" s="539"/>
      <c r="P15" s="539"/>
      <c r="Q15" s="540"/>
      <c r="R15" s="531">
        <v>175518</v>
      </c>
      <c r="S15" s="532"/>
      <c r="T15" s="532"/>
      <c r="U15" s="532"/>
      <c r="V15" s="533"/>
      <c r="W15" s="463" t="s">
        <v>148</v>
      </c>
      <c r="X15" s="464"/>
      <c r="Y15" s="464"/>
      <c r="Z15" s="464"/>
      <c r="AA15" s="464"/>
      <c r="AB15" s="454"/>
      <c r="AC15" s="498">
        <v>12010</v>
      </c>
      <c r="AD15" s="499"/>
      <c r="AE15" s="499"/>
      <c r="AF15" s="499"/>
      <c r="AG15" s="541"/>
      <c r="AH15" s="498">
        <v>12975</v>
      </c>
      <c r="AI15" s="499"/>
      <c r="AJ15" s="499"/>
      <c r="AK15" s="499"/>
      <c r="AL15" s="500"/>
      <c r="AM15" s="476"/>
      <c r="AN15" s="477"/>
      <c r="AO15" s="477"/>
      <c r="AP15" s="477"/>
      <c r="AQ15" s="477"/>
      <c r="AR15" s="477"/>
      <c r="AS15" s="477"/>
      <c r="AT15" s="478"/>
      <c r="AU15" s="479"/>
      <c r="AV15" s="480"/>
      <c r="AW15" s="480"/>
      <c r="AX15" s="480"/>
      <c r="AY15" s="407" t="s">
        <v>149</v>
      </c>
      <c r="AZ15" s="408"/>
      <c r="BA15" s="408"/>
      <c r="BB15" s="408"/>
      <c r="BC15" s="408"/>
      <c r="BD15" s="408"/>
      <c r="BE15" s="408"/>
      <c r="BF15" s="408"/>
      <c r="BG15" s="408"/>
      <c r="BH15" s="408"/>
      <c r="BI15" s="408"/>
      <c r="BJ15" s="408"/>
      <c r="BK15" s="408"/>
      <c r="BL15" s="408"/>
      <c r="BM15" s="409"/>
      <c r="BN15" s="410">
        <v>27937738</v>
      </c>
      <c r="BO15" s="411"/>
      <c r="BP15" s="411"/>
      <c r="BQ15" s="411"/>
      <c r="BR15" s="411"/>
      <c r="BS15" s="411"/>
      <c r="BT15" s="411"/>
      <c r="BU15" s="412"/>
      <c r="BV15" s="410">
        <v>28670819</v>
      </c>
      <c r="BW15" s="411"/>
      <c r="BX15" s="411"/>
      <c r="BY15" s="411"/>
      <c r="BZ15" s="411"/>
      <c r="CA15" s="411"/>
      <c r="CB15" s="411"/>
      <c r="CC15" s="412"/>
      <c r="CD15" s="548" t="s">
        <v>150</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51</v>
      </c>
      <c r="M16" s="551"/>
      <c r="N16" s="551"/>
      <c r="O16" s="551"/>
      <c r="P16" s="551"/>
      <c r="Q16" s="552"/>
      <c r="R16" s="553" t="s">
        <v>152</v>
      </c>
      <c r="S16" s="554"/>
      <c r="T16" s="554"/>
      <c r="U16" s="554"/>
      <c r="V16" s="555"/>
      <c r="W16" s="437"/>
      <c r="X16" s="438"/>
      <c r="Y16" s="438"/>
      <c r="Z16" s="438"/>
      <c r="AA16" s="438"/>
      <c r="AB16" s="427"/>
      <c r="AC16" s="534">
        <v>16.3</v>
      </c>
      <c r="AD16" s="535"/>
      <c r="AE16" s="535"/>
      <c r="AF16" s="535"/>
      <c r="AG16" s="536"/>
      <c r="AH16" s="534">
        <v>18.3</v>
      </c>
      <c r="AI16" s="535"/>
      <c r="AJ16" s="535"/>
      <c r="AK16" s="535"/>
      <c r="AL16" s="537"/>
      <c r="AM16" s="476"/>
      <c r="AN16" s="477"/>
      <c r="AO16" s="477"/>
      <c r="AP16" s="477"/>
      <c r="AQ16" s="477"/>
      <c r="AR16" s="477"/>
      <c r="AS16" s="477"/>
      <c r="AT16" s="478"/>
      <c r="AU16" s="479"/>
      <c r="AV16" s="480"/>
      <c r="AW16" s="480"/>
      <c r="AX16" s="480"/>
      <c r="AY16" s="481" t="s">
        <v>153</v>
      </c>
      <c r="AZ16" s="482"/>
      <c r="BA16" s="482"/>
      <c r="BB16" s="482"/>
      <c r="BC16" s="482"/>
      <c r="BD16" s="482"/>
      <c r="BE16" s="482"/>
      <c r="BF16" s="482"/>
      <c r="BG16" s="482"/>
      <c r="BH16" s="482"/>
      <c r="BI16" s="482"/>
      <c r="BJ16" s="482"/>
      <c r="BK16" s="482"/>
      <c r="BL16" s="482"/>
      <c r="BM16" s="483"/>
      <c r="BN16" s="447">
        <v>27269772</v>
      </c>
      <c r="BO16" s="448"/>
      <c r="BP16" s="448"/>
      <c r="BQ16" s="448"/>
      <c r="BR16" s="448"/>
      <c r="BS16" s="448"/>
      <c r="BT16" s="448"/>
      <c r="BU16" s="449"/>
      <c r="BV16" s="447">
        <v>26085907</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4</v>
      </c>
      <c r="N17" s="559"/>
      <c r="O17" s="559"/>
      <c r="P17" s="559"/>
      <c r="Q17" s="560"/>
      <c r="R17" s="553" t="s">
        <v>155</v>
      </c>
      <c r="S17" s="554"/>
      <c r="T17" s="554"/>
      <c r="U17" s="554"/>
      <c r="V17" s="555"/>
      <c r="W17" s="463" t="s">
        <v>156</v>
      </c>
      <c r="X17" s="464"/>
      <c r="Y17" s="464"/>
      <c r="Z17" s="464"/>
      <c r="AA17" s="464"/>
      <c r="AB17" s="454"/>
      <c r="AC17" s="498">
        <v>60949</v>
      </c>
      <c r="AD17" s="499"/>
      <c r="AE17" s="499"/>
      <c r="AF17" s="499"/>
      <c r="AG17" s="541"/>
      <c r="AH17" s="498">
        <v>57521</v>
      </c>
      <c r="AI17" s="499"/>
      <c r="AJ17" s="499"/>
      <c r="AK17" s="499"/>
      <c r="AL17" s="500"/>
      <c r="AM17" s="476"/>
      <c r="AN17" s="477"/>
      <c r="AO17" s="477"/>
      <c r="AP17" s="477"/>
      <c r="AQ17" s="477"/>
      <c r="AR17" s="477"/>
      <c r="AS17" s="477"/>
      <c r="AT17" s="478"/>
      <c r="AU17" s="479"/>
      <c r="AV17" s="480"/>
      <c r="AW17" s="480"/>
      <c r="AX17" s="480"/>
      <c r="AY17" s="481" t="s">
        <v>157</v>
      </c>
      <c r="AZ17" s="482"/>
      <c r="BA17" s="482"/>
      <c r="BB17" s="482"/>
      <c r="BC17" s="482"/>
      <c r="BD17" s="482"/>
      <c r="BE17" s="482"/>
      <c r="BF17" s="482"/>
      <c r="BG17" s="482"/>
      <c r="BH17" s="482"/>
      <c r="BI17" s="482"/>
      <c r="BJ17" s="482"/>
      <c r="BK17" s="482"/>
      <c r="BL17" s="482"/>
      <c r="BM17" s="483"/>
      <c r="BN17" s="447">
        <v>36532544</v>
      </c>
      <c r="BO17" s="448"/>
      <c r="BP17" s="448"/>
      <c r="BQ17" s="448"/>
      <c r="BR17" s="448"/>
      <c r="BS17" s="448"/>
      <c r="BT17" s="448"/>
      <c r="BU17" s="449"/>
      <c r="BV17" s="447">
        <v>37621530</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8</v>
      </c>
      <c r="C18" s="490"/>
      <c r="D18" s="490"/>
      <c r="E18" s="570"/>
      <c r="F18" s="570"/>
      <c r="G18" s="570"/>
      <c r="H18" s="570"/>
      <c r="I18" s="570"/>
      <c r="J18" s="570"/>
      <c r="K18" s="570"/>
      <c r="L18" s="571">
        <v>39.659999999999997</v>
      </c>
      <c r="M18" s="571"/>
      <c r="N18" s="571"/>
      <c r="O18" s="571"/>
      <c r="P18" s="571"/>
      <c r="Q18" s="571"/>
      <c r="R18" s="572"/>
      <c r="S18" s="572"/>
      <c r="T18" s="572"/>
      <c r="U18" s="572"/>
      <c r="V18" s="573"/>
      <c r="W18" s="465"/>
      <c r="X18" s="466"/>
      <c r="Y18" s="466"/>
      <c r="Z18" s="466"/>
      <c r="AA18" s="466"/>
      <c r="AB18" s="457"/>
      <c r="AC18" s="574">
        <v>82.9</v>
      </c>
      <c r="AD18" s="575"/>
      <c r="AE18" s="575"/>
      <c r="AF18" s="575"/>
      <c r="AG18" s="576"/>
      <c r="AH18" s="574">
        <v>81</v>
      </c>
      <c r="AI18" s="575"/>
      <c r="AJ18" s="575"/>
      <c r="AK18" s="575"/>
      <c r="AL18" s="577"/>
      <c r="AM18" s="476"/>
      <c r="AN18" s="477"/>
      <c r="AO18" s="477"/>
      <c r="AP18" s="477"/>
      <c r="AQ18" s="477"/>
      <c r="AR18" s="477"/>
      <c r="AS18" s="477"/>
      <c r="AT18" s="478"/>
      <c r="AU18" s="479"/>
      <c r="AV18" s="480"/>
      <c r="AW18" s="480"/>
      <c r="AX18" s="480"/>
      <c r="AY18" s="481" t="s">
        <v>159</v>
      </c>
      <c r="AZ18" s="482"/>
      <c r="BA18" s="482"/>
      <c r="BB18" s="482"/>
      <c r="BC18" s="482"/>
      <c r="BD18" s="482"/>
      <c r="BE18" s="482"/>
      <c r="BF18" s="482"/>
      <c r="BG18" s="482"/>
      <c r="BH18" s="482"/>
      <c r="BI18" s="482"/>
      <c r="BJ18" s="482"/>
      <c r="BK18" s="482"/>
      <c r="BL18" s="482"/>
      <c r="BM18" s="483"/>
      <c r="BN18" s="447">
        <v>38935111</v>
      </c>
      <c r="BO18" s="448"/>
      <c r="BP18" s="448"/>
      <c r="BQ18" s="448"/>
      <c r="BR18" s="448"/>
      <c r="BS18" s="448"/>
      <c r="BT18" s="448"/>
      <c r="BU18" s="449"/>
      <c r="BV18" s="447">
        <v>37813937</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60</v>
      </c>
      <c r="C19" s="490"/>
      <c r="D19" s="490"/>
      <c r="E19" s="570"/>
      <c r="F19" s="570"/>
      <c r="G19" s="570"/>
      <c r="H19" s="570"/>
      <c r="I19" s="570"/>
      <c r="J19" s="570"/>
      <c r="K19" s="570"/>
      <c r="L19" s="578">
        <v>4355</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61</v>
      </c>
      <c r="AZ19" s="482"/>
      <c r="BA19" s="482"/>
      <c r="BB19" s="482"/>
      <c r="BC19" s="482"/>
      <c r="BD19" s="482"/>
      <c r="BE19" s="482"/>
      <c r="BF19" s="482"/>
      <c r="BG19" s="482"/>
      <c r="BH19" s="482"/>
      <c r="BI19" s="482"/>
      <c r="BJ19" s="482"/>
      <c r="BK19" s="482"/>
      <c r="BL19" s="482"/>
      <c r="BM19" s="483"/>
      <c r="BN19" s="447">
        <v>49499092</v>
      </c>
      <c r="BO19" s="448"/>
      <c r="BP19" s="448"/>
      <c r="BQ19" s="448"/>
      <c r="BR19" s="448"/>
      <c r="BS19" s="448"/>
      <c r="BT19" s="448"/>
      <c r="BU19" s="449"/>
      <c r="BV19" s="447">
        <v>46589181</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62</v>
      </c>
      <c r="C20" s="490"/>
      <c r="D20" s="490"/>
      <c r="E20" s="570"/>
      <c r="F20" s="570"/>
      <c r="G20" s="570"/>
      <c r="H20" s="570"/>
      <c r="I20" s="570"/>
      <c r="J20" s="570"/>
      <c r="K20" s="570"/>
      <c r="L20" s="578">
        <v>75722</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3</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4</v>
      </c>
      <c r="C22" s="591"/>
      <c r="D22" s="592"/>
      <c r="E22" s="459" t="s">
        <v>1</v>
      </c>
      <c r="F22" s="464"/>
      <c r="G22" s="464"/>
      <c r="H22" s="464"/>
      <c r="I22" s="464"/>
      <c r="J22" s="464"/>
      <c r="K22" s="454"/>
      <c r="L22" s="459" t="s">
        <v>165</v>
      </c>
      <c r="M22" s="464"/>
      <c r="N22" s="464"/>
      <c r="O22" s="464"/>
      <c r="P22" s="454"/>
      <c r="Q22" s="622" t="s">
        <v>166</v>
      </c>
      <c r="R22" s="623"/>
      <c r="S22" s="623"/>
      <c r="T22" s="623"/>
      <c r="U22" s="623"/>
      <c r="V22" s="624"/>
      <c r="W22" s="590" t="s">
        <v>167</v>
      </c>
      <c r="X22" s="591"/>
      <c r="Y22" s="592"/>
      <c r="Z22" s="459" t="s">
        <v>1</v>
      </c>
      <c r="AA22" s="464"/>
      <c r="AB22" s="464"/>
      <c r="AC22" s="464"/>
      <c r="AD22" s="464"/>
      <c r="AE22" s="464"/>
      <c r="AF22" s="464"/>
      <c r="AG22" s="454"/>
      <c r="AH22" s="628" t="s">
        <v>168</v>
      </c>
      <c r="AI22" s="464"/>
      <c r="AJ22" s="464"/>
      <c r="AK22" s="464"/>
      <c r="AL22" s="454"/>
      <c r="AM22" s="628" t="s">
        <v>169</v>
      </c>
      <c r="AN22" s="629"/>
      <c r="AO22" s="629"/>
      <c r="AP22" s="629"/>
      <c r="AQ22" s="629"/>
      <c r="AR22" s="630"/>
      <c r="AS22" s="622" t="s">
        <v>166</v>
      </c>
      <c r="AT22" s="623"/>
      <c r="AU22" s="623"/>
      <c r="AV22" s="623"/>
      <c r="AW22" s="623"/>
      <c r="AX22" s="634"/>
      <c r="AY22" s="407" t="s">
        <v>170</v>
      </c>
      <c r="AZ22" s="408"/>
      <c r="BA22" s="408"/>
      <c r="BB22" s="408"/>
      <c r="BC22" s="408"/>
      <c r="BD22" s="408"/>
      <c r="BE22" s="408"/>
      <c r="BF22" s="408"/>
      <c r="BG22" s="408"/>
      <c r="BH22" s="408"/>
      <c r="BI22" s="408"/>
      <c r="BJ22" s="408"/>
      <c r="BK22" s="408"/>
      <c r="BL22" s="408"/>
      <c r="BM22" s="409"/>
      <c r="BN22" s="410">
        <v>31933377</v>
      </c>
      <c r="BO22" s="411"/>
      <c r="BP22" s="411"/>
      <c r="BQ22" s="411"/>
      <c r="BR22" s="411"/>
      <c r="BS22" s="411"/>
      <c r="BT22" s="411"/>
      <c r="BU22" s="412"/>
      <c r="BV22" s="410">
        <v>34723308</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71</v>
      </c>
      <c r="AZ23" s="482"/>
      <c r="BA23" s="482"/>
      <c r="BB23" s="482"/>
      <c r="BC23" s="482"/>
      <c r="BD23" s="482"/>
      <c r="BE23" s="482"/>
      <c r="BF23" s="482"/>
      <c r="BG23" s="482"/>
      <c r="BH23" s="482"/>
      <c r="BI23" s="482"/>
      <c r="BJ23" s="482"/>
      <c r="BK23" s="482"/>
      <c r="BL23" s="482"/>
      <c r="BM23" s="483"/>
      <c r="BN23" s="447">
        <v>20036630</v>
      </c>
      <c r="BO23" s="448"/>
      <c r="BP23" s="448"/>
      <c r="BQ23" s="448"/>
      <c r="BR23" s="448"/>
      <c r="BS23" s="448"/>
      <c r="BT23" s="448"/>
      <c r="BU23" s="449"/>
      <c r="BV23" s="447">
        <v>22378532</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72</v>
      </c>
      <c r="F24" s="477"/>
      <c r="G24" s="477"/>
      <c r="H24" s="477"/>
      <c r="I24" s="477"/>
      <c r="J24" s="477"/>
      <c r="K24" s="478"/>
      <c r="L24" s="498">
        <v>1</v>
      </c>
      <c r="M24" s="499"/>
      <c r="N24" s="499"/>
      <c r="O24" s="499"/>
      <c r="P24" s="541"/>
      <c r="Q24" s="498">
        <v>9610</v>
      </c>
      <c r="R24" s="499"/>
      <c r="S24" s="499"/>
      <c r="T24" s="499"/>
      <c r="U24" s="499"/>
      <c r="V24" s="541"/>
      <c r="W24" s="593"/>
      <c r="X24" s="594"/>
      <c r="Y24" s="595"/>
      <c r="Z24" s="497" t="s">
        <v>173</v>
      </c>
      <c r="AA24" s="477"/>
      <c r="AB24" s="477"/>
      <c r="AC24" s="477"/>
      <c r="AD24" s="477"/>
      <c r="AE24" s="477"/>
      <c r="AF24" s="477"/>
      <c r="AG24" s="478"/>
      <c r="AH24" s="498">
        <v>1250</v>
      </c>
      <c r="AI24" s="499"/>
      <c r="AJ24" s="499"/>
      <c r="AK24" s="499"/>
      <c r="AL24" s="541"/>
      <c r="AM24" s="498">
        <v>3782500</v>
      </c>
      <c r="AN24" s="499"/>
      <c r="AO24" s="499"/>
      <c r="AP24" s="499"/>
      <c r="AQ24" s="499"/>
      <c r="AR24" s="541"/>
      <c r="AS24" s="498">
        <v>3026</v>
      </c>
      <c r="AT24" s="499"/>
      <c r="AU24" s="499"/>
      <c r="AV24" s="499"/>
      <c r="AW24" s="499"/>
      <c r="AX24" s="500"/>
      <c r="AY24" s="563" t="s">
        <v>174</v>
      </c>
      <c r="AZ24" s="564"/>
      <c r="BA24" s="564"/>
      <c r="BB24" s="564"/>
      <c r="BC24" s="564"/>
      <c r="BD24" s="564"/>
      <c r="BE24" s="564"/>
      <c r="BF24" s="564"/>
      <c r="BG24" s="564"/>
      <c r="BH24" s="564"/>
      <c r="BI24" s="564"/>
      <c r="BJ24" s="564"/>
      <c r="BK24" s="564"/>
      <c r="BL24" s="564"/>
      <c r="BM24" s="565"/>
      <c r="BN24" s="447">
        <v>26327014</v>
      </c>
      <c r="BO24" s="448"/>
      <c r="BP24" s="448"/>
      <c r="BQ24" s="448"/>
      <c r="BR24" s="448"/>
      <c r="BS24" s="448"/>
      <c r="BT24" s="448"/>
      <c r="BU24" s="449"/>
      <c r="BV24" s="447">
        <v>28114490</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5</v>
      </c>
      <c r="F25" s="477"/>
      <c r="G25" s="477"/>
      <c r="H25" s="477"/>
      <c r="I25" s="477"/>
      <c r="J25" s="477"/>
      <c r="K25" s="478"/>
      <c r="L25" s="498">
        <v>2</v>
      </c>
      <c r="M25" s="499"/>
      <c r="N25" s="499"/>
      <c r="O25" s="499"/>
      <c r="P25" s="541"/>
      <c r="Q25" s="498">
        <v>8140</v>
      </c>
      <c r="R25" s="499"/>
      <c r="S25" s="499"/>
      <c r="T25" s="499"/>
      <c r="U25" s="499"/>
      <c r="V25" s="541"/>
      <c r="W25" s="593"/>
      <c r="X25" s="594"/>
      <c r="Y25" s="595"/>
      <c r="Z25" s="497" t="s">
        <v>176</v>
      </c>
      <c r="AA25" s="477"/>
      <c r="AB25" s="477"/>
      <c r="AC25" s="477"/>
      <c r="AD25" s="477"/>
      <c r="AE25" s="477"/>
      <c r="AF25" s="477"/>
      <c r="AG25" s="478"/>
      <c r="AH25" s="498">
        <v>244</v>
      </c>
      <c r="AI25" s="499"/>
      <c r="AJ25" s="499"/>
      <c r="AK25" s="499"/>
      <c r="AL25" s="541"/>
      <c r="AM25" s="498">
        <v>715164</v>
      </c>
      <c r="AN25" s="499"/>
      <c r="AO25" s="499"/>
      <c r="AP25" s="499"/>
      <c r="AQ25" s="499"/>
      <c r="AR25" s="541"/>
      <c r="AS25" s="498">
        <v>2931</v>
      </c>
      <c r="AT25" s="499"/>
      <c r="AU25" s="499"/>
      <c r="AV25" s="499"/>
      <c r="AW25" s="499"/>
      <c r="AX25" s="500"/>
      <c r="AY25" s="407" t="s">
        <v>177</v>
      </c>
      <c r="AZ25" s="408"/>
      <c r="BA25" s="408"/>
      <c r="BB25" s="408"/>
      <c r="BC25" s="408"/>
      <c r="BD25" s="408"/>
      <c r="BE25" s="408"/>
      <c r="BF25" s="408"/>
      <c r="BG25" s="408"/>
      <c r="BH25" s="408"/>
      <c r="BI25" s="408"/>
      <c r="BJ25" s="408"/>
      <c r="BK25" s="408"/>
      <c r="BL25" s="408"/>
      <c r="BM25" s="409"/>
      <c r="BN25" s="410">
        <v>22342820</v>
      </c>
      <c r="BO25" s="411"/>
      <c r="BP25" s="411"/>
      <c r="BQ25" s="411"/>
      <c r="BR25" s="411"/>
      <c r="BS25" s="411"/>
      <c r="BT25" s="411"/>
      <c r="BU25" s="412"/>
      <c r="BV25" s="410">
        <v>11631694</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8</v>
      </c>
      <c r="F26" s="477"/>
      <c r="G26" s="477"/>
      <c r="H26" s="477"/>
      <c r="I26" s="477"/>
      <c r="J26" s="477"/>
      <c r="K26" s="478"/>
      <c r="L26" s="498">
        <v>1</v>
      </c>
      <c r="M26" s="499"/>
      <c r="N26" s="499"/>
      <c r="O26" s="499"/>
      <c r="P26" s="541"/>
      <c r="Q26" s="498">
        <v>7160</v>
      </c>
      <c r="R26" s="499"/>
      <c r="S26" s="499"/>
      <c r="T26" s="499"/>
      <c r="U26" s="499"/>
      <c r="V26" s="541"/>
      <c r="W26" s="593"/>
      <c r="X26" s="594"/>
      <c r="Y26" s="595"/>
      <c r="Z26" s="497" t="s">
        <v>179</v>
      </c>
      <c r="AA26" s="599"/>
      <c r="AB26" s="599"/>
      <c r="AC26" s="599"/>
      <c r="AD26" s="599"/>
      <c r="AE26" s="599"/>
      <c r="AF26" s="599"/>
      <c r="AG26" s="600"/>
      <c r="AH26" s="498">
        <v>127</v>
      </c>
      <c r="AI26" s="499"/>
      <c r="AJ26" s="499"/>
      <c r="AK26" s="499"/>
      <c r="AL26" s="541"/>
      <c r="AM26" s="498">
        <v>417195</v>
      </c>
      <c r="AN26" s="499"/>
      <c r="AO26" s="499"/>
      <c r="AP26" s="499"/>
      <c r="AQ26" s="499"/>
      <c r="AR26" s="541"/>
      <c r="AS26" s="498">
        <v>3285</v>
      </c>
      <c r="AT26" s="499"/>
      <c r="AU26" s="499"/>
      <c r="AV26" s="499"/>
      <c r="AW26" s="499"/>
      <c r="AX26" s="500"/>
      <c r="AY26" s="450" t="s">
        <v>180</v>
      </c>
      <c r="AZ26" s="451"/>
      <c r="BA26" s="451"/>
      <c r="BB26" s="451"/>
      <c r="BC26" s="451"/>
      <c r="BD26" s="451"/>
      <c r="BE26" s="451"/>
      <c r="BF26" s="451"/>
      <c r="BG26" s="451"/>
      <c r="BH26" s="451"/>
      <c r="BI26" s="451"/>
      <c r="BJ26" s="451"/>
      <c r="BK26" s="451"/>
      <c r="BL26" s="451"/>
      <c r="BM26" s="452"/>
      <c r="BN26" s="447" t="s">
        <v>146</v>
      </c>
      <c r="BO26" s="448"/>
      <c r="BP26" s="448"/>
      <c r="BQ26" s="448"/>
      <c r="BR26" s="448"/>
      <c r="BS26" s="448"/>
      <c r="BT26" s="448"/>
      <c r="BU26" s="449"/>
      <c r="BV26" s="447" t="s">
        <v>129</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81</v>
      </c>
      <c r="F27" s="477"/>
      <c r="G27" s="477"/>
      <c r="H27" s="477"/>
      <c r="I27" s="477"/>
      <c r="J27" s="477"/>
      <c r="K27" s="478"/>
      <c r="L27" s="498">
        <v>1</v>
      </c>
      <c r="M27" s="499"/>
      <c r="N27" s="499"/>
      <c r="O27" s="499"/>
      <c r="P27" s="541"/>
      <c r="Q27" s="498">
        <v>5790</v>
      </c>
      <c r="R27" s="499"/>
      <c r="S27" s="499"/>
      <c r="T27" s="499"/>
      <c r="U27" s="499"/>
      <c r="V27" s="541"/>
      <c r="W27" s="593"/>
      <c r="X27" s="594"/>
      <c r="Y27" s="595"/>
      <c r="Z27" s="497" t="s">
        <v>182</v>
      </c>
      <c r="AA27" s="477"/>
      <c r="AB27" s="477"/>
      <c r="AC27" s="477"/>
      <c r="AD27" s="477"/>
      <c r="AE27" s="477"/>
      <c r="AF27" s="477"/>
      <c r="AG27" s="478"/>
      <c r="AH27" s="498">
        <v>11</v>
      </c>
      <c r="AI27" s="499"/>
      <c r="AJ27" s="499"/>
      <c r="AK27" s="499"/>
      <c r="AL27" s="541"/>
      <c r="AM27" s="498">
        <v>42141</v>
      </c>
      <c r="AN27" s="499"/>
      <c r="AO27" s="499"/>
      <c r="AP27" s="499"/>
      <c r="AQ27" s="499"/>
      <c r="AR27" s="541"/>
      <c r="AS27" s="498">
        <v>3831</v>
      </c>
      <c r="AT27" s="499"/>
      <c r="AU27" s="499"/>
      <c r="AV27" s="499"/>
      <c r="AW27" s="499"/>
      <c r="AX27" s="500"/>
      <c r="AY27" s="542" t="s">
        <v>183</v>
      </c>
      <c r="AZ27" s="543"/>
      <c r="BA27" s="543"/>
      <c r="BB27" s="543"/>
      <c r="BC27" s="543"/>
      <c r="BD27" s="543"/>
      <c r="BE27" s="543"/>
      <c r="BF27" s="543"/>
      <c r="BG27" s="543"/>
      <c r="BH27" s="543"/>
      <c r="BI27" s="543"/>
      <c r="BJ27" s="543"/>
      <c r="BK27" s="543"/>
      <c r="BL27" s="543"/>
      <c r="BM27" s="544"/>
      <c r="BN27" s="566">
        <v>100004</v>
      </c>
      <c r="BO27" s="567"/>
      <c r="BP27" s="567"/>
      <c r="BQ27" s="567"/>
      <c r="BR27" s="567"/>
      <c r="BS27" s="567"/>
      <c r="BT27" s="567"/>
      <c r="BU27" s="568"/>
      <c r="BV27" s="566">
        <v>100001</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4</v>
      </c>
      <c r="F28" s="477"/>
      <c r="G28" s="477"/>
      <c r="H28" s="477"/>
      <c r="I28" s="477"/>
      <c r="J28" s="477"/>
      <c r="K28" s="478"/>
      <c r="L28" s="498">
        <v>1</v>
      </c>
      <c r="M28" s="499"/>
      <c r="N28" s="499"/>
      <c r="O28" s="499"/>
      <c r="P28" s="541"/>
      <c r="Q28" s="498">
        <v>5200</v>
      </c>
      <c r="R28" s="499"/>
      <c r="S28" s="499"/>
      <c r="T28" s="499"/>
      <c r="U28" s="499"/>
      <c r="V28" s="541"/>
      <c r="W28" s="593"/>
      <c r="X28" s="594"/>
      <c r="Y28" s="595"/>
      <c r="Z28" s="497" t="s">
        <v>185</v>
      </c>
      <c r="AA28" s="477"/>
      <c r="AB28" s="477"/>
      <c r="AC28" s="477"/>
      <c r="AD28" s="477"/>
      <c r="AE28" s="477"/>
      <c r="AF28" s="477"/>
      <c r="AG28" s="478"/>
      <c r="AH28" s="498" t="s">
        <v>129</v>
      </c>
      <c r="AI28" s="499"/>
      <c r="AJ28" s="499"/>
      <c r="AK28" s="499"/>
      <c r="AL28" s="541"/>
      <c r="AM28" s="498" t="s">
        <v>129</v>
      </c>
      <c r="AN28" s="499"/>
      <c r="AO28" s="499"/>
      <c r="AP28" s="499"/>
      <c r="AQ28" s="499"/>
      <c r="AR28" s="541"/>
      <c r="AS28" s="498" t="s">
        <v>129</v>
      </c>
      <c r="AT28" s="499"/>
      <c r="AU28" s="499"/>
      <c r="AV28" s="499"/>
      <c r="AW28" s="499"/>
      <c r="AX28" s="500"/>
      <c r="AY28" s="601" t="s">
        <v>186</v>
      </c>
      <c r="AZ28" s="602"/>
      <c r="BA28" s="602"/>
      <c r="BB28" s="603"/>
      <c r="BC28" s="407" t="s">
        <v>48</v>
      </c>
      <c r="BD28" s="408"/>
      <c r="BE28" s="408"/>
      <c r="BF28" s="408"/>
      <c r="BG28" s="408"/>
      <c r="BH28" s="408"/>
      <c r="BI28" s="408"/>
      <c r="BJ28" s="408"/>
      <c r="BK28" s="408"/>
      <c r="BL28" s="408"/>
      <c r="BM28" s="409"/>
      <c r="BN28" s="410">
        <v>6049185</v>
      </c>
      <c r="BO28" s="411"/>
      <c r="BP28" s="411"/>
      <c r="BQ28" s="411"/>
      <c r="BR28" s="411"/>
      <c r="BS28" s="411"/>
      <c r="BT28" s="411"/>
      <c r="BU28" s="412"/>
      <c r="BV28" s="410">
        <v>4814658</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7</v>
      </c>
      <c r="F29" s="477"/>
      <c r="G29" s="477"/>
      <c r="H29" s="477"/>
      <c r="I29" s="477"/>
      <c r="J29" s="477"/>
      <c r="K29" s="478"/>
      <c r="L29" s="498">
        <v>24</v>
      </c>
      <c r="M29" s="499"/>
      <c r="N29" s="499"/>
      <c r="O29" s="499"/>
      <c r="P29" s="541"/>
      <c r="Q29" s="498">
        <v>4790</v>
      </c>
      <c r="R29" s="499"/>
      <c r="S29" s="499"/>
      <c r="T29" s="499"/>
      <c r="U29" s="499"/>
      <c r="V29" s="541"/>
      <c r="W29" s="596"/>
      <c r="X29" s="597"/>
      <c r="Y29" s="598"/>
      <c r="Z29" s="497" t="s">
        <v>188</v>
      </c>
      <c r="AA29" s="477"/>
      <c r="AB29" s="477"/>
      <c r="AC29" s="477"/>
      <c r="AD29" s="477"/>
      <c r="AE29" s="477"/>
      <c r="AF29" s="477"/>
      <c r="AG29" s="478"/>
      <c r="AH29" s="498">
        <v>1261</v>
      </c>
      <c r="AI29" s="499"/>
      <c r="AJ29" s="499"/>
      <c r="AK29" s="499"/>
      <c r="AL29" s="541"/>
      <c r="AM29" s="498">
        <v>3824641</v>
      </c>
      <c r="AN29" s="499"/>
      <c r="AO29" s="499"/>
      <c r="AP29" s="499"/>
      <c r="AQ29" s="499"/>
      <c r="AR29" s="541"/>
      <c r="AS29" s="498">
        <v>3033</v>
      </c>
      <c r="AT29" s="499"/>
      <c r="AU29" s="499"/>
      <c r="AV29" s="499"/>
      <c r="AW29" s="499"/>
      <c r="AX29" s="500"/>
      <c r="AY29" s="604"/>
      <c r="AZ29" s="605"/>
      <c r="BA29" s="605"/>
      <c r="BB29" s="606"/>
      <c r="BC29" s="481" t="s">
        <v>189</v>
      </c>
      <c r="BD29" s="482"/>
      <c r="BE29" s="482"/>
      <c r="BF29" s="482"/>
      <c r="BG29" s="482"/>
      <c r="BH29" s="482"/>
      <c r="BI29" s="482"/>
      <c r="BJ29" s="482"/>
      <c r="BK29" s="482"/>
      <c r="BL29" s="482"/>
      <c r="BM29" s="483"/>
      <c r="BN29" s="447" t="s">
        <v>129</v>
      </c>
      <c r="BO29" s="448"/>
      <c r="BP29" s="448"/>
      <c r="BQ29" s="448"/>
      <c r="BR29" s="448"/>
      <c r="BS29" s="448"/>
      <c r="BT29" s="448"/>
      <c r="BU29" s="449"/>
      <c r="BV29" s="447" t="s">
        <v>190</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91</v>
      </c>
      <c r="X30" s="615"/>
      <c r="Y30" s="615"/>
      <c r="Z30" s="615"/>
      <c r="AA30" s="615"/>
      <c r="AB30" s="615"/>
      <c r="AC30" s="615"/>
      <c r="AD30" s="615"/>
      <c r="AE30" s="615"/>
      <c r="AF30" s="615"/>
      <c r="AG30" s="616"/>
      <c r="AH30" s="574">
        <v>99.2</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6185963</v>
      </c>
      <c r="BO30" s="567"/>
      <c r="BP30" s="567"/>
      <c r="BQ30" s="567"/>
      <c r="BR30" s="567"/>
      <c r="BS30" s="567"/>
      <c r="BT30" s="567"/>
      <c r="BU30" s="568"/>
      <c r="BV30" s="566">
        <v>5411229</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2</v>
      </c>
      <c r="D32" s="610"/>
      <c r="E32" s="610"/>
      <c r="F32" s="610"/>
      <c r="G32" s="610"/>
      <c r="H32" s="610"/>
      <c r="I32" s="610"/>
      <c r="J32" s="610"/>
      <c r="K32" s="610"/>
      <c r="L32" s="610"/>
      <c r="M32" s="610"/>
      <c r="N32" s="610"/>
      <c r="O32" s="610"/>
      <c r="P32" s="610"/>
      <c r="Q32" s="610"/>
      <c r="R32" s="610"/>
      <c r="S32" s="610"/>
      <c r="U32" s="451" t="s">
        <v>193</v>
      </c>
      <c r="V32" s="451"/>
      <c r="W32" s="451"/>
      <c r="X32" s="451"/>
      <c r="Y32" s="451"/>
      <c r="Z32" s="451"/>
      <c r="AA32" s="451"/>
      <c r="AB32" s="451"/>
      <c r="AC32" s="451"/>
      <c r="AD32" s="451"/>
      <c r="AE32" s="451"/>
      <c r="AF32" s="451"/>
      <c r="AG32" s="451"/>
      <c r="AH32" s="451"/>
      <c r="AI32" s="451"/>
      <c r="AJ32" s="451"/>
      <c r="AK32" s="451"/>
      <c r="AM32" s="451" t="s">
        <v>194</v>
      </c>
      <c r="AN32" s="451"/>
      <c r="AO32" s="451"/>
      <c r="AP32" s="451"/>
      <c r="AQ32" s="451"/>
      <c r="AR32" s="451"/>
      <c r="AS32" s="451"/>
      <c r="AT32" s="451"/>
      <c r="AU32" s="451"/>
      <c r="AV32" s="451"/>
      <c r="AW32" s="451"/>
      <c r="AX32" s="451"/>
      <c r="AY32" s="451"/>
      <c r="AZ32" s="451"/>
      <c r="BA32" s="451"/>
      <c r="BB32" s="451"/>
      <c r="BC32" s="451"/>
      <c r="BE32" s="451" t="s">
        <v>195</v>
      </c>
      <c r="BF32" s="451"/>
      <c r="BG32" s="451"/>
      <c r="BH32" s="451"/>
      <c r="BI32" s="451"/>
      <c r="BJ32" s="451"/>
      <c r="BK32" s="451"/>
      <c r="BL32" s="451"/>
      <c r="BM32" s="451"/>
      <c r="BN32" s="451"/>
      <c r="BO32" s="451"/>
      <c r="BP32" s="451"/>
      <c r="BQ32" s="451"/>
      <c r="BR32" s="451"/>
      <c r="BS32" s="451"/>
      <c r="BT32" s="451"/>
      <c r="BU32" s="451"/>
      <c r="BW32" s="451" t="s">
        <v>196</v>
      </c>
      <c r="BX32" s="451"/>
      <c r="BY32" s="451"/>
      <c r="BZ32" s="451"/>
      <c r="CA32" s="451"/>
      <c r="CB32" s="451"/>
      <c r="CC32" s="451"/>
      <c r="CD32" s="451"/>
      <c r="CE32" s="451"/>
      <c r="CF32" s="451"/>
      <c r="CG32" s="451"/>
      <c r="CH32" s="451"/>
      <c r="CI32" s="451"/>
      <c r="CJ32" s="451"/>
      <c r="CK32" s="451"/>
      <c r="CL32" s="451"/>
      <c r="CM32" s="451"/>
      <c r="CO32" s="451" t="s">
        <v>197</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8</v>
      </c>
      <c r="D33" s="471"/>
      <c r="E33" s="436" t="s">
        <v>199</v>
      </c>
      <c r="F33" s="436"/>
      <c r="G33" s="436"/>
      <c r="H33" s="436"/>
      <c r="I33" s="436"/>
      <c r="J33" s="436"/>
      <c r="K33" s="436"/>
      <c r="L33" s="436"/>
      <c r="M33" s="436"/>
      <c r="N33" s="436"/>
      <c r="O33" s="436"/>
      <c r="P33" s="436"/>
      <c r="Q33" s="436"/>
      <c r="R33" s="436"/>
      <c r="S33" s="436"/>
      <c r="T33" s="203"/>
      <c r="U33" s="471" t="s">
        <v>200</v>
      </c>
      <c r="V33" s="471"/>
      <c r="W33" s="436" t="s">
        <v>201</v>
      </c>
      <c r="X33" s="436"/>
      <c r="Y33" s="436"/>
      <c r="Z33" s="436"/>
      <c r="AA33" s="436"/>
      <c r="AB33" s="436"/>
      <c r="AC33" s="436"/>
      <c r="AD33" s="436"/>
      <c r="AE33" s="436"/>
      <c r="AF33" s="436"/>
      <c r="AG33" s="436"/>
      <c r="AH33" s="436"/>
      <c r="AI33" s="436"/>
      <c r="AJ33" s="436"/>
      <c r="AK33" s="436"/>
      <c r="AL33" s="203"/>
      <c r="AM33" s="471" t="s">
        <v>198</v>
      </c>
      <c r="AN33" s="471"/>
      <c r="AO33" s="436" t="s">
        <v>199</v>
      </c>
      <c r="AP33" s="436"/>
      <c r="AQ33" s="436"/>
      <c r="AR33" s="436"/>
      <c r="AS33" s="436"/>
      <c r="AT33" s="436"/>
      <c r="AU33" s="436"/>
      <c r="AV33" s="436"/>
      <c r="AW33" s="436"/>
      <c r="AX33" s="436"/>
      <c r="AY33" s="436"/>
      <c r="AZ33" s="436"/>
      <c r="BA33" s="436"/>
      <c r="BB33" s="436"/>
      <c r="BC33" s="436"/>
      <c r="BD33" s="204"/>
      <c r="BE33" s="436" t="s">
        <v>202</v>
      </c>
      <c r="BF33" s="436"/>
      <c r="BG33" s="436" t="s">
        <v>203</v>
      </c>
      <c r="BH33" s="436"/>
      <c r="BI33" s="436"/>
      <c r="BJ33" s="436"/>
      <c r="BK33" s="436"/>
      <c r="BL33" s="436"/>
      <c r="BM33" s="436"/>
      <c r="BN33" s="436"/>
      <c r="BO33" s="436"/>
      <c r="BP33" s="436"/>
      <c r="BQ33" s="436"/>
      <c r="BR33" s="436"/>
      <c r="BS33" s="436"/>
      <c r="BT33" s="436"/>
      <c r="BU33" s="436"/>
      <c r="BV33" s="204"/>
      <c r="BW33" s="471" t="s">
        <v>202</v>
      </c>
      <c r="BX33" s="471"/>
      <c r="BY33" s="436" t="s">
        <v>204</v>
      </c>
      <c r="BZ33" s="436"/>
      <c r="CA33" s="436"/>
      <c r="CB33" s="436"/>
      <c r="CC33" s="436"/>
      <c r="CD33" s="436"/>
      <c r="CE33" s="436"/>
      <c r="CF33" s="436"/>
      <c r="CG33" s="436"/>
      <c r="CH33" s="436"/>
      <c r="CI33" s="436"/>
      <c r="CJ33" s="436"/>
      <c r="CK33" s="436"/>
      <c r="CL33" s="436"/>
      <c r="CM33" s="436"/>
      <c r="CN33" s="203"/>
      <c r="CO33" s="471" t="s">
        <v>200</v>
      </c>
      <c r="CP33" s="471"/>
      <c r="CQ33" s="436" t="s">
        <v>205</v>
      </c>
      <c r="CR33" s="436"/>
      <c r="CS33" s="436"/>
      <c r="CT33" s="436"/>
      <c r="CU33" s="436"/>
      <c r="CV33" s="436"/>
      <c r="CW33" s="436"/>
      <c r="CX33" s="436"/>
      <c r="CY33" s="436"/>
      <c r="CZ33" s="436"/>
      <c r="DA33" s="436"/>
      <c r="DB33" s="436"/>
      <c r="DC33" s="436"/>
      <c r="DD33" s="436"/>
      <c r="DE33" s="436"/>
      <c r="DF33" s="203"/>
      <c r="DG33" s="636" t="s">
        <v>206</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4</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f>IF(AO34="","",MAX(C34:D43,U34:V43)+1)</f>
        <v>7</v>
      </c>
      <c r="AN34" s="637"/>
      <c r="AO34" s="638" t="str">
        <f>IF('各会計、関係団体の財政状況及び健全化判断比率'!B31="","",'各会計、関係団体の財政状況及び健全化判断比率'!B31)</f>
        <v>下水道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8</v>
      </c>
      <c r="BX34" s="637"/>
      <c r="BY34" s="638" t="str">
        <f>IF('各会計、関係団体の財政状況及び健全化判断比率'!B68="","",'各会計、関係団体の財政状況及び健全化判断比率'!B68)</f>
        <v>神奈川県後期高齢者医療広域連合(一般会計）</v>
      </c>
      <c r="BZ34" s="638"/>
      <c r="CA34" s="638"/>
      <c r="CB34" s="638"/>
      <c r="CC34" s="638"/>
      <c r="CD34" s="638"/>
      <c r="CE34" s="638"/>
      <c r="CF34" s="638"/>
      <c r="CG34" s="638"/>
      <c r="CH34" s="638"/>
      <c r="CI34" s="638"/>
      <c r="CJ34" s="638"/>
      <c r="CK34" s="638"/>
      <c r="CL34" s="638"/>
      <c r="CM34" s="638"/>
      <c r="CN34" s="178"/>
      <c r="CO34" s="637">
        <f>IF(CQ34="","",MAX(C34:D43,U34:V43,AM34:AN43,BE34:BF43,BW34:BX43)+1)</f>
        <v>10</v>
      </c>
      <c r="CP34" s="637"/>
      <c r="CQ34" s="638" t="str">
        <f>IF('各会計、関係団体の財政状況及び健全化判断比率'!BS7="","",'各会計、関係団体の財政状況及び健全化判断比率'!BS7)</f>
        <v>鎌倉市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v>
      </c>
      <c r="DH34" s="639"/>
      <c r="DI34" s="205"/>
    </row>
    <row r="35" spans="1:113" ht="32.25" customHeight="1" x14ac:dyDescent="0.2">
      <c r="A35" s="178"/>
      <c r="B35" s="202"/>
      <c r="C35" s="637">
        <f>IF(E35="","",C34+1)</f>
        <v>2</v>
      </c>
      <c r="D35" s="637"/>
      <c r="E35" s="638" t="str">
        <f>IF('各会計、関係団体の財政状況及び健全化判断比率'!B8="","",'各会計、関係団体の財政状況及び健全化判断比率'!B8)</f>
        <v>大船駅東口市街地再開発事業特別会計</v>
      </c>
      <c r="F35" s="638"/>
      <c r="G35" s="638"/>
      <c r="H35" s="638"/>
      <c r="I35" s="638"/>
      <c r="J35" s="638"/>
      <c r="K35" s="638"/>
      <c r="L35" s="638"/>
      <c r="M35" s="638"/>
      <c r="N35" s="638"/>
      <c r="O35" s="638"/>
      <c r="P35" s="638"/>
      <c r="Q35" s="638"/>
      <c r="R35" s="638"/>
      <c r="S35" s="638"/>
      <c r="T35" s="178"/>
      <c r="U35" s="637">
        <f>IF(W35="","",U34+1)</f>
        <v>5</v>
      </c>
      <c r="V35" s="637"/>
      <c r="W35" s="638" t="str">
        <f>IF('各会計、関係団体の財政状況及び健全化判断比率'!B29="","",'各会計、関係団体の財政状況及び健全化判断比率'!B29)</f>
        <v>介護保険事業特別会計</v>
      </c>
      <c r="X35" s="638"/>
      <c r="Y35" s="638"/>
      <c r="Z35" s="638"/>
      <c r="AA35" s="638"/>
      <c r="AB35" s="638"/>
      <c r="AC35" s="638"/>
      <c r="AD35" s="638"/>
      <c r="AE35" s="638"/>
      <c r="AF35" s="638"/>
      <c r="AG35" s="638"/>
      <c r="AH35" s="638"/>
      <c r="AI35" s="638"/>
      <c r="AJ35" s="638"/>
      <c r="AK35" s="638"/>
      <c r="AL35" s="178"/>
      <c r="AM35" s="637" t="str">
        <f t="shared" ref="AM35:AM43" si="0">IF(AO35="","",AM34+1)</f>
        <v/>
      </c>
      <c r="AN35" s="637"/>
      <c r="AO35" s="638"/>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9</v>
      </c>
      <c r="BX35" s="637"/>
      <c r="BY35" s="638" t="str">
        <f>IF('各会計、関係団体の財政状況及び健全化判断比率'!B69="","",'各会計、関係団体の財政状況及び健全化判断比率'!B69)</f>
        <v>神奈川県後期高齢者医療広域連合(特別会計）</v>
      </c>
      <c r="BZ35" s="638"/>
      <c r="CA35" s="638"/>
      <c r="CB35" s="638"/>
      <c r="CC35" s="638"/>
      <c r="CD35" s="638"/>
      <c r="CE35" s="638"/>
      <c r="CF35" s="638"/>
      <c r="CG35" s="638"/>
      <c r="CH35" s="638"/>
      <c r="CI35" s="638"/>
      <c r="CJ35" s="638"/>
      <c r="CK35" s="638"/>
      <c r="CL35" s="638"/>
      <c r="CM35" s="638"/>
      <c r="CN35" s="178"/>
      <c r="CO35" s="637">
        <f t="shared" ref="CO35:CO43" si="3">IF(CQ35="","",CO34+1)</f>
        <v>11</v>
      </c>
      <c r="CP35" s="637"/>
      <c r="CQ35" s="638" t="str">
        <f>IF('各会計、関係団体の財政状況及び健全化判断比率'!BS8="","",'各会計、関係団体の財政状況及び健全化判断比率'!BS8)</f>
        <v>鎌倉市公園協会</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f>IF(E36="","",C35+1)</f>
        <v>3</v>
      </c>
      <c r="D36" s="637"/>
      <c r="E36" s="638" t="str">
        <f>IF('各会計、関係団体の財政状況及び健全化判断比率'!B9="","",'各会計、関係団体の財政状況及び健全化判断比率'!B9)</f>
        <v>公共用地先行取得事業特別会計</v>
      </c>
      <c r="F36" s="638"/>
      <c r="G36" s="638"/>
      <c r="H36" s="638"/>
      <c r="I36" s="638"/>
      <c r="J36" s="638"/>
      <c r="K36" s="638"/>
      <c r="L36" s="638"/>
      <c r="M36" s="638"/>
      <c r="N36" s="638"/>
      <c r="O36" s="638"/>
      <c r="P36" s="638"/>
      <c r="Q36" s="638"/>
      <c r="R36" s="638"/>
      <c r="S36" s="638"/>
      <c r="T36" s="178"/>
      <c r="U36" s="637">
        <f t="shared" ref="U36:U43" si="4">IF(W36="","",U35+1)</f>
        <v>6</v>
      </c>
      <c r="V36" s="637"/>
      <c r="W36" s="638" t="str">
        <f>IF('各会計、関係団体の財政状況及び健全化判断比率'!B30="","",'各会計、関係団体の財政状況及び健全化判断比率'!B30)</f>
        <v>後期高齢者医療事業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t="str">
        <f t="shared" si="2"/>
        <v/>
      </c>
      <c r="BX36" s="637"/>
      <c r="BY36" s="638" t="str">
        <f>IF('各会計、関係団体の財政状況及び健全化判断比率'!B70="","",'各会計、関係団体の財政状況及び健全化判断比率'!B70)</f>
        <v/>
      </c>
      <c r="BZ36" s="638"/>
      <c r="CA36" s="638"/>
      <c r="CB36" s="638"/>
      <c r="CC36" s="638"/>
      <c r="CD36" s="638"/>
      <c r="CE36" s="638"/>
      <c r="CF36" s="638"/>
      <c r="CG36" s="638"/>
      <c r="CH36" s="638"/>
      <c r="CI36" s="638"/>
      <c r="CJ36" s="638"/>
      <c r="CK36" s="638"/>
      <c r="CL36" s="638"/>
      <c r="CM36" s="638"/>
      <c r="CN36" s="178"/>
      <c r="CO36" s="637">
        <f t="shared" si="3"/>
        <v>12</v>
      </c>
      <c r="CP36" s="637"/>
      <c r="CQ36" s="638" t="str">
        <f>IF('各会計、関係団体の財政状況及び健全化判断比率'!BS9="","",'各会計、関係団体の財政状況及び健全化判断比率'!BS9)</f>
        <v>鎌倉風致保存会</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t="str">
        <f t="shared" si="2"/>
        <v/>
      </c>
      <c r="BX37" s="637"/>
      <c r="BY37" s="638" t="str">
        <f>IF('各会計、関係団体の財政状況及び健全化判断比率'!B71="","",'各会計、関係団体の財政状況及び健全化判断比率'!B71)</f>
        <v/>
      </c>
      <c r="BZ37" s="638"/>
      <c r="CA37" s="638"/>
      <c r="CB37" s="638"/>
      <c r="CC37" s="638"/>
      <c r="CD37" s="638"/>
      <c r="CE37" s="638"/>
      <c r="CF37" s="638"/>
      <c r="CG37" s="638"/>
      <c r="CH37" s="638"/>
      <c r="CI37" s="638"/>
      <c r="CJ37" s="638"/>
      <c r="CK37" s="638"/>
      <c r="CL37" s="638"/>
      <c r="CM37" s="638"/>
      <c r="CN37" s="178"/>
      <c r="CO37" s="637">
        <f t="shared" si="3"/>
        <v>13</v>
      </c>
      <c r="CP37" s="637"/>
      <c r="CQ37" s="638" t="str">
        <f>IF('各会計、関係団体の財政状況及び健全化判断比率'!BS10="","",'各会計、関係団体の財政状況及び健全化判断比率'!BS10)</f>
        <v>鎌倉市芸術文化振興財団</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t="str">
        <f t="shared" si="2"/>
        <v/>
      </c>
      <c r="BX38" s="637"/>
      <c r="BY38" s="638" t="str">
        <f>IF('各会計、関係団体の財政状況及び健全化判断比率'!B72="","",'各会計、関係団体の財政状況及び健全化判断比率'!B72)</f>
        <v/>
      </c>
      <c r="BZ38" s="638"/>
      <c r="CA38" s="638"/>
      <c r="CB38" s="638"/>
      <c r="CC38" s="638"/>
      <c r="CD38" s="638"/>
      <c r="CE38" s="638"/>
      <c r="CF38" s="638"/>
      <c r="CG38" s="638"/>
      <c r="CH38" s="638"/>
      <c r="CI38" s="638"/>
      <c r="CJ38" s="638"/>
      <c r="CK38" s="638"/>
      <c r="CL38" s="638"/>
      <c r="CM38" s="638"/>
      <c r="CN38" s="178"/>
      <c r="CO38" s="637">
        <f t="shared" si="3"/>
        <v>14</v>
      </c>
      <c r="CP38" s="637"/>
      <c r="CQ38" s="638" t="str">
        <f>IF('各会計、関係団体の財政状況及び健全化判断比率'!BS11="","",'各会計、関係団体の財政状況及び健全化判断比率'!BS11)</f>
        <v>公益財団法人かながわ海岸美化財団</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f t="shared" si="3"/>
        <v>15</v>
      </c>
      <c r="CP39" s="637"/>
      <c r="CQ39" s="638" t="str">
        <f>IF('各会計、関係団体の財政状況及び健全化判断比率'!BS12="","",'各会計、関係団体の財政状況及び健全化判断比率'!BS12)</f>
        <v>公益財団法人かながわ健康財団</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7</v>
      </c>
      <c r="E46" s="640" t="s">
        <v>208</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9</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10</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11</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12</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3</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4</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601</v>
      </c>
    </row>
    <row r="54" spans="5:113" x14ac:dyDescent="0.2"/>
    <row r="55" spans="5:113" x14ac:dyDescent="0.2"/>
    <row r="56" spans="5:113" x14ac:dyDescent="0.2"/>
  </sheetData>
  <sheetProtection algorithmName="SHA-512" hashValue="zwkb5naeFmDTIoy7eiJQQopYuMQcqArt79RN4RogcdmvTECWZV+/l23loo1zFF8BqhU+HlrGlcSDk/mnjGeKeg==" saltValue="8cecVnaFDoMlpS0rnQc4RQ=="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2</v>
      </c>
      <c r="G33" s="29" t="s">
        <v>563</v>
      </c>
      <c r="H33" s="29" t="s">
        <v>564</v>
      </c>
      <c r="I33" s="29" t="s">
        <v>565</v>
      </c>
      <c r="J33" s="30" t="s">
        <v>566</v>
      </c>
      <c r="K33" s="22"/>
      <c r="L33" s="22"/>
      <c r="M33" s="22"/>
      <c r="N33" s="22"/>
      <c r="O33" s="22"/>
      <c r="P33" s="22"/>
    </row>
    <row r="34" spans="1:16" ht="39" customHeight="1" x14ac:dyDescent="0.2">
      <c r="A34" s="22"/>
      <c r="B34" s="31"/>
      <c r="C34" s="1218" t="s">
        <v>570</v>
      </c>
      <c r="D34" s="1218"/>
      <c r="E34" s="1219"/>
      <c r="F34" s="32">
        <v>4.26</v>
      </c>
      <c r="G34" s="33">
        <v>4.5599999999999996</v>
      </c>
      <c r="H34" s="33">
        <v>7.15</v>
      </c>
      <c r="I34" s="33">
        <v>8.56</v>
      </c>
      <c r="J34" s="34">
        <v>12.47</v>
      </c>
      <c r="K34" s="22"/>
      <c r="L34" s="22"/>
      <c r="M34" s="22"/>
      <c r="N34" s="22"/>
      <c r="O34" s="22"/>
      <c r="P34" s="22"/>
    </row>
    <row r="35" spans="1:16" ht="39" customHeight="1" x14ac:dyDescent="0.2">
      <c r="A35" s="22"/>
      <c r="B35" s="35"/>
      <c r="C35" s="1212" t="s">
        <v>571</v>
      </c>
      <c r="D35" s="1213"/>
      <c r="E35" s="1214"/>
      <c r="F35" s="36">
        <v>1.45</v>
      </c>
      <c r="G35" s="37">
        <v>2.0099999999999998</v>
      </c>
      <c r="H35" s="37">
        <v>0.61</v>
      </c>
      <c r="I35" s="37">
        <v>0.87</v>
      </c>
      <c r="J35" s="38">
        <v>1.4</v>
      </c>
      <c r="K35" s="22"/>
      <c r="L35" s="22"/>
      <c r="M35" s="22"/>
      <c r="N35" s="22"/>
      <c r="O35" s="22"/>
      <c r="P35" s="22"/>
    </row>
    <row r="36" spans="1:16" ht="39" customHeight="1" x14ac:dyDescent="0.2">
      <c r="A36" s="22"/>
      <c r="B36" s="35"/>
      <c r="C36" s="1212" t="s">
        <v>572</v>
      </c>
      <c r="D36" s="1213"/>
      <c r="E36" s="1214"/>
      <c r="F36" s="36" t="s">
        <v>521</v>
      </c>
      <c r="G36" s="37" t="s">
        <v>521</v>
      </c>
      <c r="H36" s="37">
        <v>0.73</v>
      </c>
      <c r="I36" s="37">
        <v>1.19</v>
      </c>
      <c r="J36" s="38">
        <v>1.28</v>
      </c>
      <c r="K36" s="22"/>
      <c r="L36" s="22"/>
      <c r="M36" s="22"/>
      <c r="N36" s="22"/>
      <c r="O36" s="22"/>
      <c r="P36" s="22"/>
    </row>
    <row r="37" spans="1:16" ht="39" customHeight="1" x14ac:dyDescent="0.2">
      <c r="A37" s="22"/>
      <c r="B37" s="35"/>
      <c r="C37" s="1212" t="s">
        <v>573</v>
      </c>
      <c r="D37" s="1213"/>
      <c r="E37" s="1214"/>
      <c r="F37" s="36">
        <v>2.46</v>
      </c>
      <c r="G37" s="37">
        <v>0.38</v>
      </c>
      <c r="H37" s="37">
        <v>0.24</v>
      </c>
      <c r="I37" s="37">
        <v>1.07</v>
      </c>
      <c r="J37" s="38">
        <v>0.65</v>
      </c>
      <c r="K37" s="22"/>
      <c r="L37" s="22"/>
      <c r="M37" s="22"/>
      <c r="N37" s="22"/>
      <c r="O37" s="22"/>
      <c r="P37" s="22"/>
    </row>
    <row r="38" spans="1:16" ht="39" customHeight="1" x14ac:dyDescent="0.2">
      <c r="A38" s="22"/>
      <c r="B38" s="35"/>
      <c r="C38" s="1212" t="s">
        <v>574</v>
      </c>
      <c r="D38" s="1213"/>
      <c r="E38" s="1214"/>
      <c r="F38" s="36">
        <v>0.1</v>
      </c>
      <c r="G38" s="37">
        <v>0.13</v>
      </c>
      <c r="H38" s="37">
        <v>0.11</v>
      </c>
      <c r="I38" s="37">
        <v>0.13</v>
      </c>
      <c r="J38" s="38">
        <v>0.15</v>
      </c>
      <c r="K38" s="22"/>
      <c r="L38" s="22"/>
      <c r="M38" s="22"/>
      <c r="N38" s="22"/>
      <c r="O38" s="22"/>
      <c r="P38" s="22"/>
    </row>
    <row r="39" spans="1:16" ht="39" customHeight="1" x14ac:dyDescent="0.2">
      <c r="A39" s="22"/>
      <c r="B39" s="35"/>
      <c r="C39" s="1212" t="s">
        <v>575</v>
      </c>
      <c r="D39" s="1213"/>
      <c r="E39" s="1214"/>
      <c r="F39" s="36">
        <v>0.01</v>
      </c>
      <c r="G39" s="37">
        <v>0</v>
      </c>
      <c r="H39" s="37">
        <v>0</v>
      </c>
      <c r="I39" s="37">
        <v>0</v>
      </c>
      <c r="J39" s="38">
        <v>0</v>
      </c>
      <c r="K39" s="22"/>
      <c r="L39" s="22"/>
      <c r="M39" s="22"/>
      <c r="N39" s="22"/>
      <c r="O39" s="22"/>
      <c r="P39" s="22"/>
    </row>
    <row r="40" spans="1:16" ht="39" customHeight="1" x14ac:dyDescent="0.2">
      <c r="A40" s="22"/>
      <c r="B40" s="35"/>
      <c r="C40" s="1212" t="s">
        <v>576</v>
      </c>
      <c r="D40" s="1213"/>
      <c r="E40" s="1214"/>
      <c r="F40" s="36">
        <v>0</v>
      </c>
      <c r="G40" s="37">
        <v>0</v>
      </c>
      <c r="H40" s="37">
        <v>0</v>
      </c>
      <c r="I40" s="37">
        <v>0</v>
      </c>
      <c r="J40" s="38">
        <v>0</v>
      </c>
      <c r="K40" s="22"/>
      <c r="L40" s="22"/>
      <c r="M40" s="22"/>
      <c r="N40" s="22"/>
      <c r="O40" s="22"/>
      <c r="P40" s="22"/>
    </row>
    <row r="41" spans="1:16" ht="39" customHeight="1" x14ac:dyDescent="0.2">
      <c r="A41" s="22"/>
      <c r="B41" s="35"/>
      <c r="C41" s="1212"/>
      <c r="D41" s="1213"/>
      <c r="E41" s="1214"/>
      <c r="F41" s="36"/>
      <c r="G41" s="37"/>
      <c r="H41" s="37"/>
      <c r="I41" s="37"/>
      <c r="J41" s="38"/>
      <c r="K41" s="22"/>
      <c r="L41" s="22"/>
      <c r="M41" s="22"/>
      <c r="N41" s="22"/>
      <c r="O41" s="22"/>
      <c r="P41" s="22"/>
    </row>
    <row r="42" spans="1:16" ht="39" customHeight="1" x14ac:dyDescent="0.2">
      <c r="A42" s="22"/>
      <c r="B42" s="39"/>
      <c r="C42" s="1212" t="s">
        <v>577</v>
      </c>
      <c r="D42" s="1213"/>
      <c r="E42" s="1214"/>
      <c r="F42" s="36" t="s">
        <v>521</v>
      </c>
      <c r="G42" s="37" t="s">
        <v>521</v>
      </c>
      <c r="H42" s="37" t="s">
        <v>521</v>
      </c>
      <c r="I42" s="37" t="s">
        <v>521</v>
      </c>
      <c r="J42" s="38" t="s">
        <v>521</v>
      </c>
      <c r="K42" s="22"/>
      <c r="L42" s="22"/>
      <c r="M42" s="22"/>
      <c r="N42" s="22"/>
      <c r="O42" s="22"/>
      <c r="P42" s="22"/>
    </row>
    <row r="43" spans="1:16" ht="39" customHeight="1" thickBot="1" x14ac:dyDescent="0.25">
      <c r="A43" s="22"/>
      <c r="B43" s="40"/>
      <c r="C43" s="1215" t="s">
        <v>578</v>
      </c>
      <c r="D43" s="1216"/>
      <c r="E43" s="1217"/>
      <c r="F43" s="41">
        <v>0.36</v>
      </c>
      <c r="G43" s="42">
        <v>0.59</v>
      </c>
      <c r="H43" s="42" t="s">
        <v>521</v>
      </c>
      <c r="I43" s="42" t="s">
        <v>521</v>
      </c>
      <c r="J43" s="43" t="s">
        <v>521</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iUIWAp9jHfh3Mw3taSU6i2TUSr5k5wmdEvWux2H2f4M77ot+NKBjGPTPVwksMPh/tlrAvv9ez1vEeXEaDuzPHw==" saltValue="hcTfuVFjrDS6ll2IyciBR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8" orientation="landscape" horizontalDpi="300" verticalDpi="300"/>
  <headerFooter alignWithMargins="0">
    <oddFooter>&amp;C&amp;P/&amp;N</oddFooter>
  </headerFooter>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2</v>
      </c>
      <c r="L44" s="56" t="s">
        <v>563</v>
      </c>
      <c r="M44" s="56" t="s">
        <v>564</v>
      </c>
      <c r="N44" s="56" t="s">
        <v>565</v>
      </c>
      <c r="O44" s="57" t="s">
        <v>566</v>
      </c>
      <c r="P44" s="48"/>
      <c r="Q44" s="48"/>
      <c r="R44" s="48"/>
      <c r="S44" s="48"/>
      <c r="T44" s="48"/>
      <c r="U44" s="48"/>
    </row>
    <row r="45" spans="1:21" ht="30.75" customHeight="1" x14ac:dyDescent="0.2">
      <c r="A45" s="48"/>
      <c r="B45" s="1220" t="s">
        <v>11</v>
      </c>
      <c r="C45" s="1221"/>
      <c r="D45" s="58"/>
      <c r="E45" s="1226" t="s">
        <v>12</v>
      </c>
      <c r="F45" s="1226"/>
      <c r="G45" s="1226"/>
      <c r="H45" s="1226"/>
      <c r="I45" s="1226"/>
      <c r="J45" s="1227"/>
      <c r="K45" s="59">
        <v>4268</v>
      </c>
      <c r="L45" s="60">
        <v>4257</v>
      </c>
      <c r="M45" s="60">
        <v>4476</v>
      </c>
      <c r="N45" s="60">
        <v>4359</v>
      </c>
      <c r="O45" s="61">
        <v>4230</v>
      </c>
      <c r="P45" s="48"/>
      <c r="Q45" s="48"/>
      <c r="R45" s="48"/>
      <c r="S45" s="48"/>
      <c r="T45" s="48"/>
      <c r="U45" s="48"/>
    </row>
    <row r="46" spans="1:21" ht="30.75" customHeight="1" x14ac:dyDescent="0.2">
      <c r="A46" s="48"/>
      <c r="B46" s="1222"/>
      <c r="C46" s="1223"/>
      <c r="D46" s="62"/>
      <c r="E46" s="1228" t="s">
        <v>13</v>
      </c>
      <c r="F46" s="1228"/>
      <c r="G46" s="1228"/>
      <c r="H46" s="1228"/>
      <c r="I46" s="1228"/>
      <c r="J46" s="1229"/>
      <c r="K46" s="63" t="s">
        <v>521</v>
      </c>
      <c r="L46" s="64" t="s">
        <v>521</v>
      </c>
      <c r="M46" s="64" t="s">
        <v>521</v>
      </c>
      <c r="N46" s="64" t="s">
        <v>521</v>
      </c>
      <c r="O46" s="65" t="s">
        <v>521</v>
      </c>
      <c r="P46" s="48"/>
      <c r="Q46" s="48"/>
      <c r="R46" s="48"/>
      <c r="S46" s="48"/>
      <c r="T46" s="48"/>
      <c r="U46" s="48"/>
    </row>
    <row r="47" spans="1:21" ht="30.75" customHeight="1" x14ac:dyDescent="0.2">
      <c r="A47" s="48"/>
      <c r="B47" s="1222"/>
      <c r="C47" s="1223"/>
      <c r="D47" s="62"/>
      <c r="E47" s="1228" t="s">
        <v>14</v>
      </c>
      <c r="F47" s="1228"/>
      <c r="G47" s="1228"/>
      <c r="H47" s="1228"/>
      <c r="I47" s="1228"/>
      <c r="J47" s="1229"/>
      <c r="K47" s="63" t="s">
        <v>521</v>
      </c>
      <c r="L47" s="64" t="s">
        <v>521</v>
      </c>
      <c r="M47" s="64" t="s">
        <v>521</v>
      </c>
      <c r="N47" s="64" t="s">
        <v>521</v>
      </c>
      <c r="O47" s="65" t="s">
        <v>521</v>
      </c>
      <c r="P47" s="48"/>
      <c r="Q47" s="48"/>
      <c r="R47" s="48"/>
      <c r="S47" s="48"/>
      <c r="T47" s="48"/>
      <c r="U47" s="48"/>
    </row>
    <row r="48" spans="1:21" ht="30.75" customHeight="1" x14ac:dyDescent="0.2">
      <c r="A48" s="48"/>
      <c r="B48" s="1222"/>
      <c r="C48" s="1223"/>
      <c r="D48" s="62"/>
      <c r="E48" s="1228" t="s">
        <v>15</v>
      </c>
      <c r="F48" s="1228"/>
      <c r="G48" s="1228"/>
      <c r="H48" s="1228"/>
      <c r="I48" s="1228"/>
      <c r="J48" s="1229"/>
      <c r="K48" s="63">
        <v>2104</v>
      </c>
      <c r="L48" s="64">
        <v>2056</v>
      </c>
      <c r="M48" s="64">
        <v>2187</v>
      </c>
      <c r="N48" s="64">
        <v>1924</v>
      </c>
      <c r="O48" s="65">
        <v>1916</v>
      </c>
      <c r="P48" s="48"/>
      <c r="Q48" s="48"/>
      <c r="R48" s="48"/>
      <c r="S48" s="48"/>
      <c r="T48" s="48"/>
      <c r="U48" s="48"/>
    </row>
    <row r="49" spans="1:21" ht="30.75" customHeight="1" x14ac:dyDescent="0.2">
      <c r="A49" s="48"/>
      <c r="B49" s="1222"/>
      <c r="C49" s="1223"/>
      <c r="D49" s="62"/>
      <c r="E49" s="1228" t="s">
        <v>16</v>
      </c>
      <c r="F49" s="1228"/>
      <c r="G49" s="1228"/>
      <c r="H49" s="1228"/>
      <c r="I49" s="1228"/>
      <c r="J49" s="1229"/>
      <c r="K49" s="63" t="s">
        <v>521</v>
      </c>
      <c r="L49" s="64" t="s">
        <v>521</v>
      </c>
      <c r="M49" s="64" t="s">
        <v>521</v>
      </c>
      <c r="N49" s="64" t="s">
        <v>521</v>
      </c>
      <c r="O49" s="65" t="s">
        <v>521</v>
      </c>
      <c r="P49" s="48"/>
      <c r="Q49" s="48"/>
      <c r="R49" s="48"/>
      <c r="S49" s="48"/>
      <c r="T49" s="48"/>
      <c r="U49" s="48"/>
    </row>
    <row r="50" spans="1:21" ht="30.75" customHeight="1" x14ac:dyDescent="0.2">
      <c r="A50" s="48"/>
      <c r="B50" s="1222"/>
      <c r="C50" s="1223"/>
      <c r="D50" s="62"/>
      <c r="E50" s="1228" t="s">
        <v>17</v>
      </c>
      <c r="F50" s="1228"/>
      <c r="G50" s="1228"/>
      <c r="H50" s="1228"/>
      <c r="I50" s="1228"/>
      <c r="J50" s="1229"/>
      <c r="K50" s="63">
        <v>84</v>
      </c>
      <c r="L50" s="64">
        <v>84</v>
      </c>
      <c r="M50" s="64">
        <v>119</v>
      </c>
      <c r="N50" s="64" t="s">
        <v>521</v>
      </c>
      <c r="O50" s="65" t="s">
        <v>521</v>
      </c>
      <c r="P50" s="48"/>
      <c r="Q50" s="48"/>
      <c r="R50" s="48"/>
      <c r="S50" s="48"/>
      <c r="T50" s="48"/>
      <c r="U50" s="48"/>
    </row>
    <row r="51" spans="1:21" ht="30.75" customHeight="1" x14ac:dyDescent="0.2">
      <c r="A51" s="48"/>
      <c r="B51" s="1224"/>
      <c r="C51" s="1225"/>
      <c r="D51" s="66"/>
      <c r="E51" s="1228" t="s">
        <v>18</v>
      </c>
      <c r="F51" s="1228"/>
      <c r="G51" s="1228"/>
      <c r="H51" s="1228"/>
      <c r="I51" s="1228"/>
      <c r="J51" s="1229"/>
      <c r="K51" s="63" t="s">
        <v>521</v>
      </c>
      <c r="L51" s="64" t="s">
        <v>521</v>
      </c>
      <c r="M51" s="64" t="s">
        <v>521</v>
      </c>
      <c r="N51" s="64" t="s">
        <v>521</v>
      </c>
      <c r="O51" s="65" t="s">
        <v>521</v>
      </c>
      <c r="P51" s="48"/>
      <c r="Q51" s="48"/>
      <c r="R51" s="48"/>
      <c r="S51" s="48"/>
      <c r="T51" s="48"/>
      <c r="U51" s="48"/>
    </row>
    <row r="52" spans="1:21" ht="30.75" customHeight="1" x14ac:dyDescent="0.2">
      <c r="A52" s="48"/>
      <c r="B52" s="1230" t="s">
        <v>19</v>
      </c>
      <c r="C52" s="1231"/>
      <c r="D52" s="66"/>
      <c r="E52" s="1228" t="s">
        <v>20</v>
      </c>
      <c r="F52" s="1228"/>
      <c r="G52" s="1228"/>
      <c r="H52" s="1228"/>
      <c r="I52" s="1228"/>
      <c r="J52" s="1229"/>
      <c r="K52" s="63">
        <v>6352</v>
      </c>
      <c r="L52" s="64">
        <v>6160</v>
      </c>
      <c r="M52" s="64">
        <v>6310</v>
      </c>
      <c r="N52" s="64">
        <v>5836</v>
      </c>
      <c r="O52" s="65">
        <v>5946</v>
      </c>
      <c r="P52" s="48"/>
      <c r="Q52" s="48"/>
      <c r="R52" s="48"/>
      <c r="S52" s="48"/>
      <c r="T52" s="48"/>
      <c r="U52" s="48"/>
    </row>
    <row r="53" spans="1:21" ht="30.75" customHeight="1" thickBot="1" x14ac:dyDescent="0.25">
      <c r="A53" s="48"/>
      <c r="B53" s="1232" t="s">
        <v>21</v>
      </c>
      <c r="C53" s="1233"/>
      <c r="D53" s="67"/>
      <c r="E53" s="1234" t="s">
        <v>22</v>
      </c>
      <c r="F53" s="1234"/>
      <c r="G53" s="1234"/>
      <c r="H53" s="1234"/>
      <c r="I53" s="1234"/>
      <c r="J53" s="1235"/>
      <c r="K53" s="68">
        <v>104</v>
      </c>
      <c r="L53" s="69">
        <v>237</v>
      </c>
      <c r="M53" s="69">
        <v>472</v>
      </c>
      <c r="N53" s="69">
        <v>447</v>
      </c>
      <c r="O53" s="70">
        <v>20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9</v>
      </c>
      <c r="P55" s="48"/>
      <c r="Q55" s="48"/>
      <c r="R55" s="48"/>
      <c r="S55" s="48"/>
      <c r="T55" s="48"/>
      <c r="U55" s="48"/>
    </row>
    <row r="56" spans="1:21" ht="31.5" customHeight="1" thickBot="1" x14ac:dyDescent="0.25">
      <c r="A56" s="48"/>
      <c r="B56" s="76"/>
      <c r="C56" s="77"/>
      <c r="D56" s="77"/>
      <c r="E56" s="78"/>
      <c r="F56" s="78"/>
      <c r="G56" s="78"/>
      <c r="H56" s="78"/>
      <c r="I56" s="78"/>
      <c r="J56" s="79" t="s">
        <v>2</v>
      </c>
      <c r="K56" s="80" t="s">
        <v>580</v>
      </c>
      <c r="L56" s="81" t="s">
        <v>581</v>
      </c>
      <c r="M56" s="81" t="s">
        <v>582</v>
      </c>
      <c r="N56" s="81" t="s">
        <v>583</v>
      </c>
      <c r="O56" s="82" t="s">
        <v>584</v>
      </c>
      <c r="P56" s="48"/>
      <c r="Q56" s="48"/>
      <c r="R56" s="48"/>
      <c r="S56" s="48"/>
      <c r="T56" s="48"/>
      <c r="U56" s="48"/>
    </row>
    <row r="57" spans="1:21" ht="31.5" customHeight="1" x14ac:dyDescent="0.2">
      <c r="B57" s="1236" t="s">
        <v>25</v>
      </c>
      <c r="C57" s="1237"/>
      <c r="D57" s="1240" t="s">
        <v>26</v>
      </c>
      <c r="E57" s="1241"/>
      <c r="F57" s="1241"/>
      <c r="G57" s="1241"/>
      <c r="H57" s="1241"/>
      <c r="I57" s="1241"/>
      <c r="J57" s="1242"/>
      <c r="K57" s="83"/>
      <c r="L57" s="84"/>
      <c r="M57" s="84"/>
      <c r="N57" s="84"/>
      <c r="O57" s="85"/>
    </row>
    <row r="58" spans="1:21" ht="31.5" customHeight="1" thickBot="1" x14ac:dyDescent="0.25">
      <c r="B58" s="1238"/>
      <c r="C58" s="1239"/>
      <c r="D58" s="1243" t="s">
        <v>27</v>
      </c>
      <c r="E58" s="1244"/>
      <c r="F58" s="1244"/>
      <c r="G58" s="1244"/>
      <c r="H58" s="1244"/>
      <c r="I58" s="1244"/>
      <c r="J58" s="1245"/>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5Vpe2FDurXLOU2G0BgnZph6ijHsQDH4yOiQtVGRjK4pJZTA/YRXgtifA1kZrsFbDei9TS8Ub6ed3YbPM9mqHVw==" saltValue="UtHnPquK66ILSAXCLLHq7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3" orientation="landscape" horizontalDpi="300" verticalDpi="300"/>
  <headerFooter alignWithMargins="0">
    <oddFooter>&amp;C&amp;P/&amp;N</oddFooter>
  </headerFooter>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2</v>
      </c>
      <c r="J40" s="100" t="s">
        <v>563</v>
      </c>
      <c r="K40" s="100" t="s">
        <v>564</v>
      </c>
      <c r="L40" s="100" t="s">
        <v>565</v>
      </c>
      <c r="M40" s="101" t="s">
        <v>566</v>
      </c>
    </row>
    <row r="41" spans="2:13" ht="27.75" customHeight="1" x14ac:dyDescent="0.2">
      <c r="B41" s="1246" t="s">
        <v>30</v>
      </c>
      <c r="C41" s="1247"/>
      <c r="D41" s="102"/>
      <c r="E41" s="1252" t="s">
        <v>31</v>
      </c>
      <c r="F41" s="1252"/>
      <c r="G41" s="1252"/>
      <c r="H41" s="1253"/>
      <c r="I41" s="351">
        <v>39734</v>
      </c>
      <c r="J41" s="352">
        <v>38075</v>
      </c>
      <c r="K41" s="352">
        <v>35945</v>
      </c>
      <c r="L41" s="352">
        <v>34723</v>
      </c>
      <c r="M41" s="353">
        <v>31933</v>
      </c>
    </row>
    <row r="42" spans="2:13" ht="27.75" customHeight="1" x14ac:dyDescent="0.2">
      <c r="B42" s="1248"/>
      <c r="C42" s="1249"/>
      <c r="D42" s="103"/>
      <c r="E42" s="1254" t="s">
        <v>32</v>
      </c>
      <c r="F42" s="1254"/>
      <c r="G42" s="1254"/>
      <c r="H42" s="1255"/>
      <c r="I42" s="354">
        <v>3856</v>
      </c>
      <c r="J42" s="355">
        <v>283</v>
      </c>
      <c r="K42" s="355">
        <v>3527</v>
      </c>
      <c r="L42" s="355">
        <v>3426</v>
      </c>
      <c r="M42" s="356">
        <v>3426</v>
      </c>
    </row>
    <row r="43" spans="2:13" ht="27.75" customHeight="1" x14ac:dyDescent="0.2">
      <c r="B43" s="1248"/>
      <c r="C43" s="1249"/>
      <c r="D43" s="103"/>
      <c r="E43" s="1254" t="s">
        <v>33</v>
      </c>
      <c r="F43" s="1254"/>
      <c r="G43" s="1254"/>
      <c r="H43" s="1255"/>
      <c r="I43" s="354">
        <v>26382</v>
      </c>
      <c r="J43" s="355">
        <v>25422</v>
      </c>
      <c r="K43" s="355">
        <v>24032</v>
      </c>
      <c r="L43" s="355">
        <v>22602</v>
      </c>
      <c r="M43" s="356">
        <v>21397</v>
      </c>
    </row>
    <row r="44" spans="2:13" ht="27.75" customHeight="1" x14ac:dyDescent="0.2">
      <c r="B44" s="1248"/>
      <c r="C44" s="1249"/>
      <c r="D44" s="103"/>
      <c r="E44" s="1254" t="s">
        <v>34</v>
      </c>
      <c r="F44" s="1254"/>
      <c r="G44" s="1254"/>
      <c r="H44" s="1255"/>
      <c r="I44" s="354" t="s">
        <v>521</v>
      </c>
      <c r="J44" s="355" t="s">
        <v>521</v>
      </c>
      <c r="K44" s="355" t="s">
        <v>521</v>
      </c>
      <c r="L44" s="355" t="s">
        <v>521</v>
      </c>
      <c r="M44" s="356" t="s">
        <v>521</v>
      </c>
    </row>
    <row r="45" spans="2:13" ht="27.75" customHeight="1" x14ac:dyDescent="0.2">
      <c r="B45" s="1248"/>
      <c r="C45" s="1249"/>
      <c r="D45" s="103"/>
      <c r="E45" s="1254" t="s">
        <v>35</v>
      </c>
      <c r="F45" s="1254"/>
      <c r="G45" s="1254"/>
      <c r="H45" s="1255"/>
      <c r="I45" s="354">
        <v>9211</v>
      </c>
      <c r="J45" s="355">
        <v>8776</v>
      </c>
      <c r="K45" s="355">
        <v>8254</v>
      </c>
      <c r="L45" s="355">
        <v>8174</v>
      </c>
      <c r="M45" s="356">
        <v>7606</v>
      </c>
    </row>
    <row r="46" spans="2:13" ht="27.75" customHeight="1" x14ac:dyDescent="0.2">
      <c r="B46" s="1248"/>
      <c r="C46" s="1249"/>
      <c r="D46" s="104"/>
      <c r="E46" s="1254" t="s">
        <v>36</v>
      </c>
      <c r="F46" s="1254"/>
      <c r="G46" s="1254"/>
      <c r="H46" s="1255"/>
      <c r="I46" s="354" t="s">
        <v>521</v>
      </c>
      <c r="J46" s="355" t="s">
        <v>521</v>
      </c>
      <c r="K46" s="355" t="s">
        <v>521</v>
      </c>
      <c r="L46" s="355" t="s">
        <v>521</v>
      </c>
      <c r="M46" s="356" t="s">
        <v>521</v>
      </c>
    </row>
    <row r="47" spans="2:13" ht="27.75" customHeight="1" x14ac:dyDescent="0.2">
      <c r="B47" s="1248"/>
      <c r="C47" s="1249"/>
      <c r="D47" s="105"/>
      <c r="E47" s="1256" t="s">
        <v>37</v>
      </c>
      <c r="F47" s="1257"/>
      <c r="G47" s="1257"/>
      <c r="H47" s="1258"/>
      <c r="I47" s="354" t="s">
        <v>521</v>
      </c>
      <c r="J47" s="355" t="s">
        <v>521</v>
      </c>
      <c r="K47" s="355" t="s">
        <v>521</v>
      </c>
      <c r="L47" s="355" t="s">
        <v>521</v>
      </c>
      <c r="M47" s="356" t="s">
        <v>521</v>
      </c>
    </row>
    <row r="48" spans="2:13" ht="27.75" customHeight="1" x14ac:dyDescent="0.2">
      <c r="B48" s="1248"/>
      <c r="C48" s="1249"/>
      <c r="D48" s="103"/>
      <c r="E48" s="1254" t="s">
        <v>38</v>
      </c>
      <c r="F48" s="1254"/>
      <c r="G48" s="1254"/>
      <c r="H48" s="1255"/>
      <c r="I48" s="354" t="s">
        <v>521</v>
      </c>
      <c r="J48" s="355" t="s">
        <v>521</v>
      </c>
      <c r="K48" s="355" t="s">
        <v>521</v>
      </c>
      <c r="L48" s="355" t="s">
        <v>521</v>
      </c>
      <c r="M48" s="356" t="s">
        <v>521</v>
      </c>
    </row>
    <row r="49" spans="2:13" ht="27.75" customHeight="1" x14ac:dyDescent="0.2">
      <c r="B49" s="1250"/>
      <c r="C49" s="1251"/>
      <c r="D49" s="103"/>
      <c r="E49" s="1254" t="s">
        <v>39</v>
      </c>
      <c r="F49" s="1254"/>
      <c r="G49" s="1254"/>
      <c r="H49" s="1255"/>
      <c r="I49" s="354" t="s">
        <v>521</v>
      </c>
      <c r="J49" s="355" t="s">
        <v>521</v>
      </c>
      <c r="K49" s="355" t="s">
        <v>521</v>
      </c>
      <c r="L49" s="355" t="s">
        <v>521</v>
      </c>
      <c r="M49" s="356" t="s">
        <v>521</v>
      </c>
    </row>
    <row r="50" spans="2:13" ht="27.75" customHeight="1" x14ac:dyDescent="0.2">
      <c r="B50" s="1259" t="s">
        <v>40</v>
      </c>
      <c r="C50" s="1260"/>
      <c r="D50" s="106"/>
      <c r="E50" s="1254" t="s">
        <v>41</v>
      </c>
      <c r="F50" s="1254"/>
      <c r="G50" s="1254"/>
      <c r="H50" s="1255"/>
      <c r="I50" s="354">
        <v>11401</v>
      </c>
      <c r="J50" s="355">
        <v>12331</v>
      </c>
      <c r="K50" s="355">
        <v>11767</v>
      </c>
      <c r="L50" s="355">
        <v>12517</v>
      </c>
      <c r="M50" s="356">
        <v>14891</v>
      </c>
    </row>
    <row r="51" spans="2:13" ht="27.75" customHeight="1" x14ac:dyDescent="0.2">
      <c r="B51" s="1248"/>
      <c r="C51" s="1249"/>
      <c r="D51" s="103"/>
      <c r="E51" s="1254" t="s">
        <v>42</v>
      </c>
      <c r="F51" s="1254"/>
      <c r="G51" s="1254"/>
      <c r="H51" s="1255"/>
      <c r="I51" s="354">
        <v>35106</v>
      </c>
      <c r="J51" s="355">
        <v>35018</v>
      </c>
      <c r="K51" s="355">
        <v>36413</v>
      </c>
      <c r="L51" s="355">
        <v>34493</v>
      </c>
      <c r="M51" s="356">
        <v>32790</v>
      </c>
    </row>
    <row r="52" spans="2:13" ht="27.75" customHeight="1" x14ac:dyDescent="0.2">
      <c r="B52" s="1250"/>
      <c r="C52" s="1251"/>
      <c r="D52" s="103"/>
      <c r="E52" s="1254" t="s">
        <v>43</v>
      </c>
      <c r="F52" s="1254"/>
      <c r="G52" s="1254"/>
      <c r="H52" s="1255"/>
      <c r="I52" s="354">
        <v>35554</v>
      </c>
      <c r="J52" s="355">
        <v>33134</v>
      </c>
      <c r="K52" s="355">
        <v>30921</v>
      </c>
      <c r="L52" s="355">
        <v>28855</v>
      </c>
      <c r="M52" s="356">
        <v>25994</v>
      </c>
    </row>
    <row r="53" spans="2:13" ht="27.75" customHeight="1" thickBot="1" x14ac:dyDescent="0.25">
      <c r="B53" s="1261" t="s">
        <v>44</v>
      </c>
      <c r="C53" s="1262"/>
      <c r="D53" s="107"/>
      <c r="E53" s="1263" t="s">
        <v>45</v>
      </c>
      <c r="F53" s="1263"/>
      <c r="G53" s="1263"/>
      <c r="H53" s="1264"/>
      <c r="I53" s="357">
        <v>-2878</v>
      </c>
      <c r="J53" s="358">
        <v>-7927</v>
      </c>
      <c r="K53" s="358">
        <v>-7343</v>
      </c>
      <c r="L53" s="358">
        <v>-6940</v>
      </c>
      <c r="M53" s="359">
        <v>-9313</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RynWiSGHxVeD6qPlBFXLtjQ1onwFEMmLvxC/9v8KsXLVk92FNcmLF7wand8lxnEh9GV8olio0mMCa8lxUYjVSQ==" saltValue="sxsmhJFzABbNjMhnWkhd8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58" orientation="landscape" horizontalDpi="300" verticalDpi="300"/>
  <headerFooter alignWithMargins="0">
    <oddFooter>&amp;C&amp;P/&amp;N</oddFooter>
  </headerFooter>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4</v>
      </c>
      <c r="G54" s="116" t="s">
        <v>565</v>
      </c>
      <c r="H54" s="117" t="s">
        <v>566</v>
      </c>
    </row>
    <row r="55" spans="2:8" ht="52.5" customHeight="1" x14ac:dyDescent="0.2">
      <c r="B55" s="118"/>
      <c r="C55" s="1273" t="s">
        <v>48</v>
      </c>
      <c r="D55" s="1273"/>
      <c r="E55" s="1274"/>
      <c r="F55" s="119">
        <v>4362</v>
      </c>
      <c r="G55" s="119">
        <v>4815</v>
      </c>
      <c r="H55" s="120">
        <v>6049</v>
      </c>
    </row>
    <row r="56" spans="2:8" ht="52.5" customHeight="1" x14ac:dyDescent="0.2">
      <c r="B56" s="121"/>
      <c r="C56" s="1275" t="s">
        <v>49</v>
      </c>
      <c r="D56" s="1275"/>
      <c r="E56" s="1276"/>
      <c r="F56" s="122" t="s">
        <v>521</v>
      </c>
      <c r="G56" s="122" t="s">
        <v>521</v>
      </c>
      <c r="H56" s="123" t="s">
        <v>521</v>
      </c>
    </row>
    <row r="57" spans="2:8" ht="53.25" customHeight="1" x14ac:dyDescent="0.2">
      <c r="B57" s="121"/>
      <c r="C57" s="1277" t="s">
        <v>50</v>
      </c>
      <c r="D57" s="1277"/>
      <c r="E57" s="1278"/>
      <c r="F57" s="124">
        <v>5379</v>
      </c>
      <c r="G57" s="124">
        <v>5411</v>
      </c>
      <c r="H57" s="125">
        <v>6186</v>
      </c>
    </row>
    <row r="58" spans="2:8" ht="45.75" customHeight="1" x14ac:dyDescent="0.2">
      <c r="B58" s="126"/>
      <c r="C58" s="1265" t="s">
        <v>585</v>
      </c>
      <c r="D58" s="1266"/>
      <c r="E58" s="1267"/>
      <c r="F58" s="127">
        <v>1500</v>
      </c>
      <c r="G58" s="127">
        <v>1503</v>
      </c>
      <c r="H58" s="128">
        <v>2003</v>
      </c>
    </row>
    <row r="59" spans="2:8" ht="45.75" customHeight="1" x14ac:dyDescent="0.2">
      <c r="B59" s="126"/>
      <c r="C59" s="1265" t="s">
        <v>586</v>
      </c>
      <c r="D59" s="1266"/>
      <c r="E59" s="1267"/>
      <c r="F59" s="127">
        <v>1849</v>
      </c>
      <c r="G59" s="127">
        <v>1779</v>
      </c>
      <c r="H59" s="128">
        <v>1781</v>
      </c>
    </row>
    <row r="60" spans="2:8" ht="45.75" customHeight="1" x14ac:dyDescent="0.2">
      <c r="B60" s="126"/>
      <c r="C60" s="1265" t="s">
        <v>587</v>
      </c>
      <c r="D60" s="1266"/>
      <c r="E60" s="1267"/>
      <c r="F60" s="127">
        <v>1199</v>
      </c>
      <c r="G60" s="127">
        <v>1381</v>
      </c>
      <c r="H60" s="128">
        <v>1510</v>
      </c>
    </row>
    <row r="61" spans="2:8" ht="45.75" customHeight="1" x14ac:dyDescent="0.2">
      <c r="B61" s="126"/>
      <c r="C61" s="1265" t="s">
        <v>588</v>
      </c>
      <c r="D61" s="1266"/>
      <c r="E61" s="1267"/>
      <c r="F61" s="127">
        <v>233</v>
      </c>
      <c r="G61" s="127">
        <v>233</v>
      </c>
      <c r="H61" s="128">
        <v>234</v>
      </c>
    </row>
    <row r="62" spans="2:8" ht="45.75" customHeight="1" thickBot="1" x14ac:dyDescent="0.25">
      <c r="B62" s="129"/>
      <c r="C62" s="1268" t="s">
        <v>589</v>
      </c>
      <c r="D62" s="1269"/>
      <c r="E62" s="1270"/>
      <c r="F62" s="130">
        <v>136</v>
      </c>
      <c r="G62" s="130">
        <v>140</v>
      </c>
      <c r="H62" s="131">
        <v>147</v>
      </c>
    </row>
    <row r="63" spans="2:8" ht="52.5" customHeight="1" thickBot="1" x14ac:dyDescent="0.25">
      <c r="B63" s="132"/>
      <c r="C63" s="1271" t="s">
        <v>51</v>
      </c>
      <c r="D63" s="1271"/>
      <c r="E63" s="1272"/>
      <c r="F63" s="133">
        <v>9741</v>
      </c>
      <c r="G63" s="133">
        <v>10226</v>
      </c>
      <c r="H63" s="134">
        <v>12235</v>
      </c>
    </row>
    <row r="64" spans="2:8" ht="13.2" x14ac:dyDescent="0.2"/>
  </sheetData>
  <sheetProtection algorithmName="SHA-512" hashValue="qpqur4Dv1oDNniQeAXQ07vuKsln8cOvOcPkWQEjj/tIHDQlVkoJiiOz8ykUHhGdojNQgf9zL1rdLtrJEabQHHg==" saltValue="38pf+ZkT+FFrrmSI5Szud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2" orientation="landscape" verticalDpi="300"/>
  <headerFooter alignWithMargins="0">
    <oddFooter>&amp;C&amp;P/&amp;N</oddFooter>
  </headerFooter>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02</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03</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79" t="s">
        <v>604</v>
      </c>
      <c r="AO43" s="1280"/>
      <c r="AP43" s="1280"/>
      <c r="AQ43" s="1280"/>
      <c r="AR43" s="1280"/>
      <c r="AS43" s="1280"/>
      <c r="AT43" s="1280"/>
      <c r="AU43" s="1280"/>
      <c r="AV43" s="1280"/>
      <c r="AW43" s="1280"/>
      <c r="AX43" s="1280"/>
      <c r="AY43" s="1280"/>
      <c r="AZ43" s="1280"/>
      <c r="BA43" s="1280"/>
      <c r="BB43" s="1280"/>
      <c r="BC43" s="1280"/>
      <c r="BD43" s="1280"/>
      <c r="BE43" s="1280"/>
      <c r="BF43" s="1280"/>
      <c r="BG43" s="1280"/>
      <c r="BH43" s="1280"/>
      <c r="BI43" s="1280"/>
      <c r="BJ43" s="1280"/>
      <c r="BK43" s="1280"/>
      <c r="BL43" s="1280"/>
      <c r="BM43" s="1280"/>
      <c r="BN43" s="1280"/>
      <c r="BO43" s="1280"/>
      <c r="BP43" s="1280"/>
      <c r="BQ43" s="1280"/>
      <c r="BR43" s="1280"/>
      <c r="BS43" s="1280"/>
      <c r="BT43" s="1280"/>
      <c r="BU43" s="1280"/>
      <c r="BV43" s="1280"/>
      <c r="BW43" s="1280"/>
      <c r="BX43" s="1280"/>
      <c r="BY43" s="1280"/>
      <c r="BZ43" s="1280"/>
      <c r="CA43" s="1280"/>
      <c r="CB43" s="1280"/>
      <c r="CC43" s="1280"/>
      <c r="CD43" s="1280"/>
      <c r="CE43" s="1280"/>
      <c r="CF43" s="1280"/>
      <c r="CG43" s="1280"/>
      <c r="CH43" s="1280"/>
      <c r="CI43" s="1280"/>
      <c r="CJ43" s="1280"/>
      <c r="CK43" s="1280"/>
      <c r="CL43" s="1280"/>
      <c r="CM43" s="1280"/>
      <c r="CN43" s="1280"/>
      <c r="CO43" s="1280"/>
      <c r="CP43" s="1280"/>
      <c r="CQ43" s="1280"/>
      <c r="CR43" s="1280"/>
      <c r="CS43" s="1280"/>
      <c r="CT43" s="1280"/>
      <c r="CU43" s="1280"/>
      <c r="CV43" s="1280"/>
      <c r="CW43" s="1280"/>
      <c r="CX43" s="1280"/>
      <c r="CY43" s="1280"/>
      <c r="CZ43" s="1280"/>
      <c r="DA43" s="1280"/>
      <c r="DB43" s="1280"/>
      <c r="DC43" s="1281"/>
    </row>
    <row r="44" spans="2:109" ht="13.2" x14ac:dyDescent="0.2">
      <c r="B44" s="376"/>
      <c r="AN44" s="1282"/>
      <c r="AO44" s="1283"/>
      <c r="AP44" s="1283"/>
      <c r="AQ44" s="1283"/>
      <c r="AR44" s="1283"/>
      <c r="AS44" s="1283"/>
      <c r="AT44" s="1283"/>
      <c r="AU44" s="1283"/>
      <c r="AV44" s="1283"/>
      <c r="AW44" s="1283"/>
      <c r="AX44" s="1283"/>
      <c r="AY44" s="1283"/>
      <c r="AZ44" s="1283"/>
      <c r="BA44" s="1283"/>
      <c r="BB44" s="1283"/>
      <c r="BC44" s="1283"/>
      <c r="BD44" s="1283"/>
      <c r="BE44" s="1283"/>
      <c r="BF44" s="1283"/>
      <c r="BG44" s="1283"/>
      <c r="BH44" s="1283"/>
      <c r="BI44" s="1283"/>
      <c r="BJ44" s="1283"/>
      <c r="BK44" s="1283"/>
      <c r="BL44" s="1283"/>
      <c r="BM44" s="1283"/>
      <c r="BN44" s="1283"/>
      <c r="BO44" s="1283"/>
      <c r="BP44" s="1283"/>
      <c r="BQ44" s="1283"/>
      <c r="BR44" s="1283"/>
      <c r="BS44" s="1283"/>
      <c r="BT44" s="1283"/>
      <c r="BU44" s="1283"/>
      <c r="BV44" s="1283"/>
      <c r="BW44" s="1283"/>
      <c r="BX44" s="1283"/>
      <c r="BY44" s="1283"/>
      <c r="BZ44" s="1283"/>
      <c r="CA44" s="1283"/>
      <c r="CB44" s="1283"/>
      <c r="CC44" s="1283"/>
      <c r="CD44" s="1283"/>
      <c r="CE44" s="1283"/>
      <c r="CF44" s="1283"/>
      <c r="CG44" s="1283"/>
      <c r="CH44" s="1283"/>
      <c r="CI44" s="1283"/>
      <c r="CJ44" s="1283"/>
      <c r="CK44" s="1283"/>
      <c r="CL44" s="1283"/>
      <c r="CM44" s="1283"/>
      <c r="CN44" s="1283"/>
      <c r="CO44" s="1283"/>
      <c r="CP44" s="1283"/>
      <c r="CQ44" s="1283"/>
      <c r="CR44" s="1283"/>
      <c r="CS44" s="1283"/>
      <c r="CT44" s="1283"/>
      <c r="CU44" s="1283"/>
      <c r="CV44" s="1283"/>
      <c r="CW44" s="1283"/>
      <c r="CX44" s="1283"/>
      <c r="CY44" s="1283"/>
      <c r="CZ44" s="1283"/>
      <c r="DA44" s="1283"/>
      <c r="DB44" s="1283"/>
      <c r="DC44" s="1284"/>
    </row>
    <row r="45" spans="2:109" ht="13.2" x14ac:dyDescent="0.2">
      <c r="B45" s="376"/>
      <c r="AN45" s="1282"/>
      <c r="AO45" s="1283"/>
      <c r="AP45" s="1283"/>
      <c r="AQ45" s="1283"/>
      <c r="AR45" s="1283"/>
      <c r="AS45" s="1283"/>
      <c r="AT45" s="1283"/>
      <c r="AU45" s="1283"/>
      <c r="AV45" s="1283"/>
      <c r="AW45" s="1283"/>
      <c r="AX45" s="1283"/>
      <c r="AY45" s="1283"/>
      <c r="AZ45" s="1283"/>
      <c r="BA45" s="1283"/>
      <c r="BB45" s="1283"/>
      <c r="BC45" s="1283"/>
      <c r="BD45" s="1283"/>
      <c r="BE45" s="1283"/>
      <c r="BF45" s="1283"/>
      <c r="BG45" s="1283"/>
      <c r="BH45" s="1283"/>
      <c r="BI45" s="1283"/>
      <c r="BJ45" s="1283"/>
      <c r="BK45" s="1283"/>
      <c r="BL45" s="1283"/>
      <c r="BM45" s="1283"/>
      <c r="BN45" s="1283"/>
      <c r="BO45" s="1283"/>
      <c r="BP45" s="1283"/>
      <c r="BQ45" s="1283"/>
      <c r="BR45" s="1283"/>
      <c r="BS45" s="1283"/>
      <c r="BT45" s="1283"/>
      <c r="BU45" s="1283"/>
      <c r="BV45" s="1283"/>
      <c r="BW45" s="1283"/>
      <c r="BX45" s="1283"/>
      <c r="BY45" s="1283"/>
      <c r="BZ45" s="1283"/>
      <c r="CA45" s="1283"/>
      <c r="CB45" s="1283"/>
      <c r="CC45" s="1283"/>
      <c r="CD45" s="1283"/>
      <c r="CE45" s="1283"/>
      <c r="CF45" s="1283"/>
      <c r="CG45" s="1283"/>
      <c r="CH45" s="1283"/>
      <c r="CI45" s="1283"/>
      <c r="CJ45" s="1283"/>
      <c r="CK45" s="1283"/>
      <c r="CL45" s="1283"/>
      <c r="CM45" s="1283"/>
      <c r="CN45" s="1283"/>
      <c r="CO45" s="1283"/>
      <c r="CP45" s="1283"/>
      <c r="CQ45" s="1283"/>
      <c r="CR45" s="1283"/>
      <c r="CS45" s="1283"/>
      <c r="CT45" s="1283"/>
      <c r="CU45" s="1283"/>
      <c r="CV45" s="1283"/>
      <c r="CW45" s="1283"/>
      <c r="CX45" s="1283"/>
      <c r="CY45" s="1283"/>
      <c r="CZ45" s="1283"/>
      <c r="DA45" s="1283"/>
      <c r="DB45" s="1283"/>
      <c r="DC45" s="1284"/>
    </row>
    <row r="46" spans="2:109" ht="13.2" x14ac:dyDescent="0.2">
      <c r="B46" s="376"/>
      <c r="AN46" s="1282"/>
      <c r="AO46" s="1283"/>
      <c r="AP46" s="1283"/>
      <c r="AQ46" s="1283"/>
      <c r="AR46" s="1283"/>
      <c r="AS46" s="1283"/>
      <c r="AT46" s="1283"/>
      <c r="AU46" s="1283"/>
      <c r="AV46" s="1283"/>
      <c r="AW46" s="1283"/>
      <c r="AX46" s="1283"/>
      <c r="AY46" s="1283"/>
      <c r="AZ46" s="1283"/>
      <c r="BA46" s="1283"/>
      <c r="BB46" s="1283"/>
      <c r="BC46" s="1283"/>
      <c r="BD46" s="1283"/>
      <c r="BE46" s="1283"/>
      <c r="BF46" s="1283"/>
      <c r="BG46" s="1283"/>
      <c r="BH46" s="1283"/>
      <c r="BI46" s="1283"/>
      <c r="BJ46" s="1283"/>
      <c r="BK46" s="1283"/>
      <c r="BL46" s="1283"/>
      <c r="BM46" s="1283"/>
      <c r="BN46" s="1283"/>
      <c r="BO46" s="1283"/>
      <c r="BP46" s="1283"/>
      <c r="BQ46" s="1283"/>
      <c r="BR46" s="1283"/>
      <c r="BS46" s="1283"/>
      <c r="BT46" s="1283"/>
      <c r="BU46" s="1283"/>
      <c r="BV46" s="1283"/>
      <c r="BW46" s="1283"/>
      <c r="BX46" s="1283"/>
      <c r="BY46" s="1283"/>
      <c r="BZ46" s="1283"/>
      <c r="CA46" s="1283"/>
      <c r="CB46" s="1283"/>
      <c r="CC46" s="1283"/>
      <c r="CD46" s="1283"/>
      <c r="CE46" s="1283"/>
      <c r="CF46" s="1283"/>
      <c r="CG46" s="1283"/>
      <c r="CH46" s="1283"/>
      <c r="CI46" s="1283"/>
      <c r="CJ46" s="1283"/>
      <c r="CK46" s="1283"/>
      <c r="CL46" s="1283"/>
      <c r="CM46" s="1283"/>
      <c r="CN46" s="1283"/>
      <c r="CO46" s="1283"/>
      <c r="CP46" s="1283"/>
      <c r="CQ46" s="1283"/>
      <c r="CR46" s="1283"/>
      <c r="CS46" s="1283"/>
      <c r="CT46" s="1283"/>
      <c r="CU46" s="1283"/>
      <c r="CV46" s="1283"/>
      <c r="CW46" s="1283"/>
      <c r="CX46" s="1283"/>
      <c r="CY46" s="1283"/>
      <c r="CZ46" s="1283"/>
      <c r="DA46" s="1283"/>
      <c r="DB46" s="1283"/>
      <c r="DC46" s="1284"/>
    </row>
    <row r="47" spans="2:109" ht="13.2" x14ac:dyDescent="0.2">
      <c r="B47" s="376"/>
      <c r="AN47" s="1285"/>
      <c r="AO47" s="1286"/>
      <c r="AP47" s="1286"/>
      <c r="AQ47" s="1286"/>
      <c r="AR47" s="1286"/>
      <c r="AS47" s="1286"/>
      <c r="AT47" s="1286"/>
      <c r="AU47" s="1286"/>
      <c r="AV47" s="1286"/>
      <c r="AW47" s="1286"/>
      <c r="AX47" s="1286"/>
      <c r="AY47" s="1286"/>
      <c r="AZ47" s="1286"/>
      <c r="BA47" s="1286"/>
      <c r="BB47" s="1286"/>
      <c r="BC47" s="1286"/>
      <c r="BD47" s="1286"/>
      <c r="BE47" s="1286"/>
      <c r="BF47" s="1286"/>
      <c r="BG47" s="1286"/>
      <c r="BH47" s="1286"/>
      <c r="BI47" s="1286"/>
      <c r="BJ47" s="1286"/>
      <c r="BK47" s="1286"/>
      <c r="BL47" s="1286"/>
      <c r="BM47" s="1286"/>
      <c r="BN47" s="1286"/>
      <c r="BO47" s="1286"/>
      <c r="BP47" s="1286"/>
      <c r="BQ47" s="1286"/>
      <c r="BR47" s="1286"/>
      <c r="BS47" s="1286"/>
      <c r="BT47" s="1286"/>
      <c r="BU47" s="1286"/>
      <c r="BV47" s="1286"/>
      <c r="BW47" s="1286"/>
      <c r="BX47" s="1286"/>
      <c r="BY47" s="1286"/>
      <c r="BZ47" s="1286"/>
      <c r="CA47" s="1286"/>
      <c r="CB47" s="1286"/>
      <c r="CC47" s="1286"/>
      <c r="CD47" s="1286"/>
      <c r="CE47" s="1286"/>
      <c r="CF47" s="1286"/>
      <c r="CG47" s="1286"/>
      <c r="CH47" s="1286"/>
      <c r="CI47" s="1286"/>
      <c r="CJ47" s="1286"/>
      <c r="CK47" s="1286"/>
      <c r="CL47" s="1286"/>
      <c r="CM47" s="1286"/>
      <c r="CN47" s="1286"/>
      <c r="CO47" s="1286"/>
      <c r="CP47" s="1286"/>
      <c r="CQ47" s="1286"/>
      <c r="CR47" s="1286"/>
      <c r="CS47" s="1286"/>
      <c r="CT47" s="1286"/>
      <c r="CU47" s="1286"/>
      <c r="CV47" s="1286"/>
      <c r="CW47" s="1286"/>
      <c r="CX47" s="1286"/>
      <c r="CY47" s="1286"/>
      <c r="CZ47" s="1286"/>
      <c r="DA47" s="1286"/>
      <c r="DB47" s="1286"/>
      <c r="DC47" s="1287"/>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5</v>
      </c>
    </row>
    <row r="50" spans="1:109" ht="13.2" x14ac:dyDescent="0.2">
      <c r="B50" s="376"/>
      <c r="G50" s="1288"/>
      <c r="H50" s="1288"/>
      <c r="I50" s="1288"/>
      <c r="J50" s="1288"/>
      <c r="K50" s="386"/>
      <c r="L50" s="386"/>
      <c r="M50" s="387"/>
      <c r="N50" s="387"/>
      <c r="AN50" s="1289"/>
      <c r="AO50" s="1290"/>
      <c r="AP50" s="1290"/>
      <c r="AQ50" s="1290"/>
      <c r="AR50" s="1290"/>
      <c r="AS50" s="1290"/>
      <c r="AT50" s="1290"/>
      <c r="AU50" s="1290"/>
      <c r="AV50" s="1290"/>
      <c r="AW50" s="1290"/>
      <c r="AX50" s="1290"/>
      <c r="AY50" s="1290"/>
      <c r="AZ50" s="1290"/>
      <c r="BA50" s="1290"/>
      <c r="BB50" s="1290"/>
      <c r="BC50" s="1290"/>
      <c r="BD50" s="1290"/>
      <c r="BE50" s="1290"/>
      <c r="BF50" s="1290"/>
      <c r="BG50" s="1290"/>
      <c r="BH50" s="1290"/>
      <c r="BI50" s="1290"/>
      <c r="BJ50" s="1290"/>
      <c r="BK50" s="1290"/>
      <c r="BL50" s="1290"/>
      <c r="BM50" s="1290"/>
      <c r="BN50" s="1290"/>
      <c r="BO50" s="1291"/>
      <c r="BP50" s="1292" t="s">
        <v>562</v>
      </c>
      <c r="BQ50" s="1292"/>
      <c r="BR50" s="1292"/>
      <c r="BS50" s="1292"/>
      <c r="BT50" s="1292"/>
      <c r="BU50" s="1292"/>
      <c r="BV50" s="1292"/>
      <c r="BW50" s="1292"/>
      <c r="BX50" s="1292" t="s">
        <v>563</v>
      </c>
      <c r="BY50" s="1292"/>
      <c r="BZ50" s="1292"/>
      <c r="CA50" s="1292"/>
      <c r="CB50" s="1292"/>
      <c r="CC50" s="1292"/>
      <c r="CD50" s="1292"/>
      <c r="CE50" s="1292"/>
      <c r="CF50" s="1292" t="s">
        <v>564</v>
      </c>
      <c r="CG50" s="1292"/>
      <c r="CH50" s="1292"/>
      <c r="CI50" s="1292"/>
      <c r="CJ50" s="1292"/>
      <c r="CK50" s="1292"/>
      <c r="CL50" s="1292"/>
      <c r="CM50" s="1292"/>
      <c r="CN50" s="1292" t="s">
        <v>565</v>
      </c>
      <c r="CO50" s="1292"/>
      <c r="CP50" s="1292"/>
      <c r="CQ50" s="1292"/>
      <c r="CR50" s="1292"/>
      <c r="CS50" s="1292"/>
      <c r="CT50" s="1292"/>
      <c r="CU50" s="1292"/>
      <c r="CV50" s="1292" t="s">
        <v>566</v>
      </c>
      <c r="CW50" s="1292"/>
      <c r="CX50" s="1292"/>
      <c r="CY50" s="1292"/>
      <c r="CZ50" s="1292"/>
      <c r="DA50" s="1292"/>
      <c r="DB50" s="1292"/>
      <c r="DC50" s="1292"/>
    </row>
    <row r="51" spans="1:109" ht="13.5" customHeight="1" x14ac:dyDescent="0.2">
      <c r="B51" s="376"/>
      <c r="G51" s="1298"/>
      <c r="H51" s="1298"/>
      <c r="I51" s="1296"/>
      <c r="J51" s="1296"/>
      <c r="K51" s="1294"/>
      <c r="L51" s="1294"/>
      <c r="M51" s="1294"/>
      <c r="N51" s="1294"/>
      <c r="AM51" s="385"/>
      <c r="AN51" s="1295" t="s">
        <v>606</v>
      </c>
      <c r="AO51" s="1295"/>
      <c r="AP51" s="1295"/>
      <c r="AQ51" s="1295"/>
      <c r="AR51" s="1295"/>
      <c r="AS51" s="1295"/>
      <c r="AT51" s="1295"/>
      <c r="AU51" s="1295"/>
      <c r="AV51" s="1295"/>
      <c r="AW51" s="1295"/>
      <c r="AX51" s="1295"/>
      <c r="AY51" s="1295"/>
      <c r="AZ51" s="1295"/>
      <c r="BA51" s="1295"/>
      <c r="BB51" s="1295" t="s">
        <v>607</v>
      </c>
      <c r="BC51" s="1295"/>
      <c r="BD51" s="1295"/>
      <c r="BE51" s="1295"/>
      <c r="BF51" s="1295"/>
      <c r="BG51" s="1295"/>
      <c r="BH51" s="1295"/>
      <c r="BI51" s="1295"/>
      <c r="BJ51" s="1295"/>
      <c r="BK51" s="1295"/>
      <c r="BL51" s="1295"/>
      <c r="BM51" s="1295"/>
      <c r="BN51" s="1295"/>
      <c r="BO51" s="1295"/>
      <c r="BP51" s="1293"/>
      <c r="BQ51" s="1293"/>
      <c r="BR51" s="1293"/>
      <c r="BS51" s="1293"/>
      <c r="BT51" s="1293"/>
      <c r="BU51" s="1293"/>
      <c r="BV51" s="1293"/>
      <c r="BW51" s="1293"/>
      <c r="BX51" s="1293"/>
      <c r="BY51" s="1293"/>
      <c r="BZ51" s="1293"/>
      <c r="CA51" s="1293"/>
      <c r="CB51" s="1293"/>
      <c r="CC51" s="1293"/>
      <c r="CD51" s="1293"/>
      <c r="CE51" s="1293"/>
      <c r="CF51" s="1293"/>
      <c r="CG51" s="1293"/>
      <c r="CH51" s="1293"/>
      <c r="CI51" s="1293"/>
      <c r="CJ51" s="1293"/>
      <c r="CK51" s="1293"/>
      <c r="CL51" s="1293"/>
      <c r="CM51" s="1293"/>
      <c r="CN51" s="1293"/>
      <c r="CO51" s="1293"/>
      <c r="CP51" s="1293"/>
      <c r="CQ51" s="1293"/>
      <c r="CR51" s="1293"/>
      <c r="CS51" s="1293"/>
      <c r="CT51" s="1293"/>
      <c r="CU51" s="1293"/>
      <c r="CV51" s="1293"/>
      <c r="CW51" s="1293"/>
      <c r="CX51" s="1293"/>
      <c r="CY51" s="1293"/>
      <c r="CZ51" s="1293"/>
      <c r="DA51" s="1293"/>
      <c r="DB51" s="1293"/>
      <c r="DC51" s="1293"/>
    </row>
    <row r="52" spans="1:109" ht="13.2" x14ac:dyDescent="0.2">
      <c r="B52" s="376"/>
      <c r="G52" s="1298"/>
      <c r="H52" s="1298"/>
      <c r="I52" s="1296"/>
      <c r="J52" s="1296"/>
      <c r="K52" s="1294"/>
      <c r="L52" s="1294"/>
      <c r="M52" s="1294"/>
      <c r="N52" s="1294"/>
      <c r="AM52" s="385"/>
      <c r="AN52" s="1295"/>
      <c r="AO52" s="1295"/>
      <c r="AP52" s="1295"/>
      <c r="AQ52" s="1295"/>
      <c r="AR52" s="1295"/>
      <c r="AS52" s="1295"/>
      <c r="AT52" s="1295"/>
      <c r="AU52" s="1295"/>
      <c r="AV52" s="1295"/>
      <c r="AW52" s="1295"/>
      <c r="AX52" s="1295"/>
      <c r="AY52" s="1295"/>
      <c r="AZ52" s="1295"/>
      <c r="BA52" s="1295"/>
      <c r="BB52" s="1295"/>
      <c r="BC52" s="1295"/>
      <c r="BD52" s="1295"/>
      <c r="BE52" s="1295"/>
      <c r="BF52" s="1295"/>
      <c r="BG52" s="1295"/>
      <c r="BH52" s="1295"/>
      <c r="BI52" s="1295"/>
      <c r="BJ52" s="1295"/>
      <c r="BK52" s="1295"/>
      <c r="BL52" s="1295"/>
      <c r="BM52" s="1295"/>
      <c r="BN52" s="1295"/>
      <c r="BO52" s="1295"/>
      <c r="BP52" s="1293"/>
      <c r="BQ52" s="1293"/>
      <c r="BR52" s="1293"/>
      <c r="BS52" s="1293"/>
      <c r="BT52" s="1293"/>
      <c r="BU52" s="1293"/>
      <c r="BV52" s="1293"/>
      <c r="BW52" s="1293"/>
      <c r="BX52" s="1293"/>
      <c r="BY52" s="1293"/>
      <c r="BZ52" s="1293"/>
      <c r="CA52" s="1293"/>
      <c r="CB52" s="1293"/>
      <c r="CC52" s="1293"/>
      <c r="CD52" s="1293"/>
      <c r="CE52" s="1293"/>
      <c r="CF52" s="1293"/>
      <c r="CG52" s="1293"/>
      <c r="CH52" s="1293"/>
      <c r="CI52" s="1293"/>
      <c r="CJ52" s="1293"/>
      <c r="CK52" s="1293"/>
      <c r="CL52" s="1293"/>
      <c r="CM52" s="1293"/>
      <c r="CN52" s="1293"/>
      <c r="CO52" s="1293"/>
      <c r="CP52" s="1293"/>
      <c r="CQ52" s="1293"/>
      <c r="CR52" s="1293"/>
      <c r="CS52" s="1293"/>
      <c r="CT52" s="1293"/>
      <c r="CU52" s="1293"/>
      <c r="CV52" s="1293"/>
      <c r="CW52" s="1293"/>
      <c r="CX52" s="1293"/>
      <c r="CY52" s="1293"/>
      <c r="CZ52" s="1293"/>
      <c r="DA52" s="1293"/>
      <c r="DB52" s="1293"/>
      <c r="DC52" s="1293"/>
    </row>
    <row r="53" spans="1:109" ht="13.2" x14ac:dyDescent="0.2">
      <c r="A53" s="384"/>
      <c r="B53" s="376"/>
      <c r="G53" s="1298"/>
      <c r="H53" s="1298"/>
      <c r="I53" s="1288"/>
      <c r="J53" s="1288"/>
      <c r="K53" s="1294"/>
      <c r="L53" s="1294"/>
      <c r="M53" s="1294"/>
      <c r="N53" s="1294"/>
      <c r="AM53" s="385"/>
      <c r="AN53" s="1295"/>
      <c r="AO53" s="1295"/>
      <c r="AP53" s="1295"/>
      <c r="AQ53" s="1295"/>
      <c r="AR53" s="1295"/>
      <c r="AS53" s="1295"/>
      <c r="AT53" s="1295"/>
      <c r="AU53" s="1295"/>
      <c r="AV53" s="1295"/>
      <c r="AW53" s="1295"/>
      <c r="AX53" s="1295"/>
      <c r="AY53" s="1295"/>
      <c r="AZ53" s="1295"/>
      <c r="BA53" s="1295"/>
      <c r="BB53" s="1295" t="s">
        <v>608</v>
      </c>
      <c r="BC53" s="1295"/>
      <c r="BD53" s="1295"/>
      <c r="BE53" s="1295"/>
      <c r="BF53" s="1295"/>
      <c r="BG53" s="1295"/>
      <c r="BH53" s="1295"/>
      <c r="BI53" s="1295"/>
      <c r="BJ53" s="1295"/>
      <c r="BK53" s="1295"/>
      <c r="BL53" s="1295"/>
      <c r="BM53" s="1295"/>
      <c r="BN53" s="1295"/>
      <c r="BO53" s="1295"/>
      <c r="BP53" s="1293">
        <v>59.2</v>
      </c>
      <c r="BQ53" s="1293"/>
      <c r="BR53" s="1293"/>
      <c r="BS53" s="1293"/>
      <c r="BT53" s="1293"/>
      <c r="BU53" s="1293"/>
      <c r="BV53" s="1293"/>
      <c r="BW53" s="1293"/>
      <c r="BX53" s="1293">
        <v>56</v>
      </c>
      <c r="BY53" s="1293"/>
      <c r="BZ53" s="1293"/>
      <c r="CA53" s="1293"/>
      <c r="CB53" s="1293"/>
      <c r="CC53" s="1293"/>
      <c r="CD53" s="1293"/>
      <c r="CE53" s="1293"/>
      <c r="CF53" s="1293">
        <v>61.9</v>
      </c>
      <c r="CG53" s="1293"/>
      <c r="CH53" s="1293"/>
      <c r="CI53" s="1293"/>
      <c r="CJ53" s="1293"/>
      <c r="CK53" s="1293"/>
      <c r="CL53" s="1293"/>
      <c r="CM53" s="1293"/>
      <c r="CN53" s="1293">
        <v>63.3</v>
      </c>
      <c r="CO53" s="1293"/>
      <c r="CP53" s="1293"/>
      <c r="CQ53" s="1293"/>
      <c r="CR53" s="1293"/>
      <c r="CS53" s="1293"/>
      <c r="CT53" s="1293"/>
      <c r="CU53" s="1293"/>
      <c r="CV53" s="1293">
        <v>64.8</v>
      </c>
      <c r="CW53" s="1293"/>
      <c r="CX53" s="1293"/>
      <c r="CY53" s="1293"/>
      <c r="CZ53" s="1293"/>
      <c r="DA53" s="1293"/>
      <c r="DB53" s="1293"/>
      <c r="DC53" s="1293"/>
    </row>
    <row r="54" spans="1:109" ht="13.2" x14ac:dyDescent="0.2">
      <c r="A54" s="384"/>
      <c r="B54" s="376"/>
      <c r="G54" s="1298"/>
      <c r="H54" s="1298"/>
      <c r="I54" s="1288"/>
      <c r="J54" s="1288"/>
      <c r="K54" s="1294"/>
      <c r="L54" s="1294"/>
      <c r="M54" s="1294"/>
      <c r="N54" s="1294"/>
      <c r="AM54" s="385"/>
      <c r="AN54" s="1295"/>
      <c r="AO54" s="1295"/>
      <c r="AP54" s="1295"/>
      <c r="AQ54" s="1295"/>
      <c r="AR54" s="1295"/>
      <c r="AS54" s="1295"/>
      <c r="AT54" s="1295"/>
      <c r="AU54" s="1295"/>
      <c r="AV54" s="1295"/>
      <c r="AW54" s="1295"/>
      <c r="AX54" s="1295"/>
      <c r="AY54" s="1295"/>
      <c r="AZ54" s="1295"/>
      <c r="BA54" s="1295"/>
      <c r="BB54" s="1295"/>
      <c r="BC54" s="1295"/>
      <c r="BD54" s="1295"/>
      <c r="BE54" s="1295"/>
      <c r="BF54" s="1295"/>
      <c r="BG54" s="1295"/>
      <c r="BH54" s="1295"/>
      <c r="BI54" s="1295"/>
      <c r="BJ54" s="1295"/>
      <c r="BK54" s="1295"/>
      <c r="BL54" s="1295"/>
      <c r="BM54" s="1295"/>
      <c r="BN54" s="1295"/>
      <c r="BO54" s="1295"/>
      <c r="BP54" s="1293"/>
      <c r="BQ54" s="1293"/>
      <c r="BR54" s="1293"/>
      <c r="BS54" s="1293"/>
      <c r="BT54" s="1293"/>
      <c r="BU54" s="1293"/>
      <c r="BV54" s="1293"/>
      <c r="BW54" s="1293"/>
      <c r="BX54" s="1293"/>
      <c r="BY54" s="1293"/>
      <c r="BZ54" s="1293"/>
      <c r="CA54" s="1293"/>
      <c r="CB54" s="1293"/>
      <c r="CC54" s="1293"/>
      <c r="CD54" s="1293"/>
      <c r="CE54" s="1293"/>
      <c r="CF54" s="1293"/>
      <c r="CG54" s="1293"/>
      <c r="CH54" s="1293"/>
      <c r="CI54" s="1293"/>
      <c r="CJ54" s="1293"/>
      <c r="CK54" s="1293"/>
      <c r="CL54" s="1293"/>
      <c r="CM54" s="1293"/>
      <c r="CN54" s="1293"/>
      <c r="CO54" s="1293"/>
      <c r="CP54" s="1293"/>
      <c r="CQ54" s="1293"/>
      <c r="CR54" s="1293"/>
      <c r="CS54" s="1293"/>
      <c r="CT54" s="1293"/>
      <c r="CU54" s="1293"/>
      <c r="CV54" s="1293"/>
      <c r="CW54" s="1293"/>
      <c r="CX54" s="1293"/>
      <c r="CY54" s="1293"/>
      <c r="CZ54" s="1293"/>
      <c r="DA54" s="1293"/>
      <c r="DB54" s="1293"/>
      <c r="DC54" s="1293"/>
    </row>
    <row r="55" spans="1:109" ht="13.2" x14ac:dyDescent="0.2">
      <c r="A55" s="384"/>
      <c r="B55" s="376"/>
      <c r="G55" s="1288"/>
      <c r="H55" s="1288"/>
      <c r="I55" s="1288"/>
      <c r="J55" s="1288"/>
      <c r="K55" s="1294"/>
      <c r="L55" s="1294"/>
      <c r="M55" s="1294"/>
      <c r="N55" s="1294"/>
      <c r="AN55" s="1292" t="s">
        <v>609</v>
      </c>
      <c r="AO55" s="1292"/>
      <c r="AP55" s="1292"/>
      <c r="AQ55" s="1292"/>
      <c r="AR55" s="1292"/>
      <c r="AS55" s="1292"/>
      <c r="AT55" s="1292"/>
      <c r="AU55" s="1292"/>
      <c r="AV55" s="1292"/>
      <c r="AW55" s="1292"/>
      <c r="AX55" s="1292"/>
      <c r="AY55" s="1292"/>
      <c r="AZ55" s="1292"/>
      <c r="BA55" s="1292"/>
      <c r="BB55" s="1295" t="s">
        <v>607</v>
      </c>
      <c r="BC55" s="1295"/>
      <c r="BD55" s="1295"/>
      <c r="BE55" s="1295"/>
      <c r="BF55" s="1295"/>
      <c r="BG55" s="1295"/>
      <c r="BH55" s="1295"/>
      <c r="BI55" s="1295"/>
      <c r="BJ55" s="1295"/>
      <c r="BK55" s="1295"/>
      <c r="BL55" s="1295"/>
      <c r="BM55" s="1295"/>
      <c r="BN55" s="1295"/>
      <c r="BO55" s="1295"/>
      <c r="BP55" s="1293">
        <v>17.399999999999999</v>
      </c>
      <c r="BQ55" s="1293"/>
      <c r="BR55" s="1293"/>
      <c r="BS55" s="1293"/>
      <c r="BT55" s="1293"/>
      <c r="BU55" s="1293"/>
      <c r="BV55" s="1293"/>
      <c r="BW55" s="1293"/>
      <c r="BX55" s="1293">
        <v>12.1</v>
      </c>
      <c r="BY55" s="1293"/>
      <c r="BZ55" s="1293"/>
      <c r="CA55" s="1293"/>
      <c r="CB55" s="1293"/>
      <c r="CC55" s="1293"/>
      <c r="CD55" s="1293"/>
      <c r="CE55" s="1293"/>
      <c r="CF55" s="1293">
        <v>11.2</v>
      </c>
      <c r="CG55" s="1293"/>
      <c r="CH55" s="1293"/>
      <c r="CI55" s="1293"/>
      <c r="CJ55" s="1293"/>
      <c r="CK55" s="1293"/>
      <c r="CL55" s="1293"/>
      <c r="CM55" s="1293"/>
      <c r="CN55" s="1293">
        <v>7.1</v>
      </c>
      <c r="CO55" s="1293"/>
      <c r="CP55" s="1293"/>
      <c r="CQ55" s="1293"/>
      <c r="CR55" s="1293"/>
      <c r="CS55" s="1293"/>
      <c r="CT55" s="1293"/>
      <c r="CU55" s="1293"/>
      <c r="CV55" s="1293">
        <v>5</v>
      </c>
      <c r="CW55" s="1293"/>
      <c r="CX55" s="1293"/>
      <c r="CY55" s="1293"/>
      <c r="CZ55" s="1293"/>
      <c r="DA55" s="1293"/>
      <c r="DB55" s="1293"/>
      <c r="DC55" s="1293"/>
    </row>
    <row r="56" spans="1:109" ht="13.2" x14ac:dyDescent="0.2">
      <c r="A56" s="384"/>
      <c r="B56" s="376"/>
      <c r="G56" s="1288"/>
      <c r="H56" s="1288"/>
      <c r="I56" s="1288"/>
      <c r="J56" s="1288"/>
      <c r="K56" s="1294"/>
      <c r="L56" s="1294"/>
      <c r="M56" s="1294"/>
      <c r="N56" s="1294"/>
      <c r="AN56" s="1292"/>
      <c r="AO56" s="1292"/>
      <c r="AP56" s="1292"/>
      <c r="AQ56" s="1292"/>
      <c r="AR56" s="1292"/>
      <c r="AS56" s="1292"/>
      <c r="AT56" s="1292"/>
      <c r="AU56" s="1292"/>
      <c r="AV56" s="1292"/>
      <c r="AW56" s="1292"/>
      <c r="AX56" s="1292"/>
      <c r="AY56" s="1292"/>
      <c r="AZ56" s="1292"/>
      <c r="BA56" s="1292"/>
      <c r="BB56" s="1295"/>
      <c r="BC56" s="1295"/>
      <c r="BD56" s="1295"/>
      <c r="BE56" s="1295"/>
      <c r="BF56" s="1295"/>
      <c r="BG56" s="1295"/>
      <c r="BH56" s="1295"/>
      <c r="BI56" s="1295"/>
      <c r="BJ56" s="1295"/>
      <c r="BK56" s="1295"/>
      <c r="BL56" s="1295"/>
      <c r="BM56" s="1295"/>
      <c r="BN56" s="1295"/>
      <c r="BO56" s="1295"/>
      <c r="BP56" s="1293"/>
      <c r="BQ56" s="1293"/>
      <c r="BR56" s="1293"/>
      <c r="BS56" s="1293"/>
      <c r="BT56" s="1293"/>
      <c r="BU56" s="1293"/>
      <c r="BV56" s="1293"/>
      <c r="BW56" s="1293"/>
      <c r="BX56" s="1293"/>
      <c r="BY56" s="1293"/>
      <c r="BZ56" s="1293"/>
      <c r="CA56" s="1293"/>
      <c r="CB56" s="1293"/>
      <c r="CC56" s="1293"/>
      <c r="CD56" s="1293"/>
      <c r="CE56" s="1293"/>
      <c r="CF56" s="1293"/>
      <c r="CG56" s="1293"/>
      <c r="CH56" s="1293"/>
      <c r="CI56" s="1293"/>
      <c r="CJ56" s="1293"/>
      <c r="CK56" s="1293"/>
      <c r="CL56" s="1293"/>
      <c r="CM56" s="1293"/>
      <c r="CN56" s="1293"/>
      <c r="CO56" s="1293"/>
      <c r="CP56" s="1293"/>
      <c r="CQ56" s="1293"/>
      <c r="CR56" s="1293"/>
      <c r="CS56" s="1293"/>
      <c r="CT56" s="1293"/>
      <c r="CU56" s="1293"/>
      <c r="CV56" s="1293"/>
      <c r="CW56" s="1293"/>
      <c r="CX56" s="1293"/>
      <c r="CY56" s="1293"/>
      <c r="CZ56" s="1293"/>
      <c r="DA56" s="1293"/>
      <c r="DB56" s="1293"/>
      <c r="DC56" s="1293"/>
    </row>
    <row r="57" spans="1:109" s="384" customFormat="1" ht="13.2" x14ac:dyDescent="0.2">
      <c r="B57" s="388"/>
      <c r="G57" s="1288"/>
      <c r="H57" s="1288"/>
      <c r="I57" s="1297"/>
      <c r="J57" s="1297"/>
      <c r="K57" s="1294"/>
      <c r="L57" s="1294"/>
      <c r="M57" s="1294"/>
      <c r="N57" s="1294"/>
      <c r="AM57" s="370"/>
      <c r="AN57" s="1292"/>
      <c r="AO57" s="1292"/>
      <c r="AP57" s="1292"/>
      <c r="AQ57" s="1292"/>
      <c r="AR57" s="1292"/>
      <c r="AS57" s="1292"/>
      <c r="AT57" s="1292"/>
      <c r="AU57" s="1292"/>
      <c r="AV57" s="1292"/>
      <c r="AW57" s="1292"/>
      <c r="AX57" s="1292"/>
      <c r="AY57" s="1292"/>
      <c r="AZ57" s="1292"/>
      <c r="BA57" s="1292"/>
      <c r="BB57" s="1295" t="s">
        <v>608</v>
      </c>
      <c r="BC57" s="1295"/>
      <c r="BD57" s="1295"/>
      <c r="BE57" s="1295"/>
      <c r="BF57" s="1295"/>
      <c r="BG57" s="1295"/>
      <c r="BH57" s="1295"/>
      <c r="BI57" s="1295"/>
      <c r="BJ57" s="1295"/>
      <c r="BK57" s="1295"/>
      <c r="BL57" s="1295"/>
      <c r="BM57" s="1295"/>
      <c r="BN57" s="1295"/>
      <c r="BO57" s="1295"/>
      <c r="BP57" s="1293">
        <v>58.9</v>
      </c>
      <c r="BQ57" s="1293"/>
      <c r="BR57" s="1293"/>
      <c r="BS57" s="1293"/>
      <c r="BT57" s="1293"/>
      <c r="BU57" s="1293"/>
      <c r="BV57" s="1293"/>
      <c r="BW57" s="1293"/>
      <c r="BX57" s="1293">
        <v>59.4</v>
      </c>
      <c r="BY57" s="1293"/>
      <c r="BZ57" s="1293"/>
      <c r="CA57" s="1293"/>
      <c r="CB57" s="1293"/>
      <c r="CC57" s="1293"/>
      <c r="CD57" s="1293"/>
      <c r="CE57" s="1293"/>
      <c r="CF57" s="1293">
        <v>60.2</v>
      </c>
      <c r="CG57" s="1293"/>
      <c r="CH57" s="1293"/>
      <c r="CI57" s="1293"/>
      <c r="CJ57" s="1293"/>
      <c r="CK57" s="1293"/>
      <c r="CL57" s="1293"/>
      <c r="CM57" s="1293"/>
      <c r="CN57" s="1293">
        <v>61</v>
      </c>
      <c r="CO57" s="1293"/>
      <c r="CP57" s="1293"/>
      <c r="CQ57" s="1293"/>
      <c r="CR57" s="1293"/>
      <c r="CS57" s="1293"/>
      <c r="CT57" s="1293"/>
      <c r="CU57" s="1293"/>
      <c r="CV57" s="1293">
        <v>62.1</v>
      </c>
      <c r="CW57" s="1293"/>
      <c r="CX57" s="1293"/>
      <c r="CY57" s="1293"/>
      <c r="CZ57" s="1293"/>
      <c r="DA57" s="1293"/>
      <c r="DB57" s="1293"/>
      <c r="DC57" s="1293"/>
      <c r="DD57" s="389"/>
      <c r="DE57" s="388"/>
    </row>
    <row r="58" spans="1:109" s="384" customFormat="1" ht="13.2" x14ac:dyDescent="0.2">
      <c r="A58" s="370"/>
      <c r="B58" s="388"/>
      <c r="G58" s="1288"/>
      <c r="H58" s="1288"/>
      <c r="I58" s="1297"/>
      <c r="J58" s="1297"/>
      <c r="K58" s="1294"/>
      <c r="L58" s="1294"/>
      <c r="M58" s="1294"/>
      <c r="N58" s="1294"/>
      <c r="AM58" s="370"/>
      <c r="AN58" s="1292"/>
      <c r="AO58" s="1292"/>
      <c r="AP58" s="1292"/>
      <c r="AQ58" s="1292"/>
      <c r="AR58" s="1292"/>
      <c r="AS58" s="1292"/>
      <c r="AT58" s="1292"/>
      <c r="AU58" s="1292"/>
      <c r="AV58" s="1292"/>
      <c r="AW58" s="1292"/>
      <c r="AX58" s="1292"/>
      <c r="AY58" s="1292"/>
      <c r="AZ58" s="1292"/>
      <c r="BA58" s="1292"/>
      <c r="BB58" s="1295"/>
      <c r="BC58" s="1295"/>
      <c r="BD58" s="1295"/>
      <c r="BE58" s="1295"/>
      <c r="BF58" s="1295"/>
      <c r="BG58" s="1295"/>
      <c r="BH58" s="1295"/>
      <c r="BI58" s="1295"/>
      <c r="BJ58" s="1295"/>
      <c r="BK58" s="1295"/>
      <c r="BL58" s="1295"/>
      <c r="BM58" s="1295"/>
      <c r="BN58" s="1295"/>
      <c r="BO58" s="1295"/>
      <c r="BP58" s="1293"/>
      <c r="BQ58" s="1293"/>
      <c r="BR58" s="1293"/>
      <c r="BS58" s="1293"/>
      <c r="BT58" s="1293"/>
      <c r="BU58" s="1293"/>
      <c r="BV58" s="1293"/>
      <c r="BW58" s="1293"/>
      <c r="BX58" s="1293"/>
      <c r="BY58" s="1293"/>
      <c r="BZ58" s="1293"/>
      <c r="CA58" s="1293"/>
      <c r="CB58" s="1293"/>
      <c r="CC58" s="1293"/>
      <c r="CD58" s="1293"/>
      <c r="CE58" s="1293"/>
      <c r="CF58" s="1293"/>
      <c r="CG58" s="1293"/>
      <c r="CH58" s="1293"/>
      <c r="CI58" s="1293"/>
      <c r="CJ58" s="1293"/>
      <c r="CK58" s="1293"/>
      <c r="CL58" s="1293"/>
      <c r="CM58" s="1293"/>
      <c r="CN58" s="1293"/>
      <c r="CO58" s="1293"/>
      <c r="CP58" s="1293"/>
      <c r="CQ58" s="1293"/>
      <c r="CR58" s="1293"/>
      <c r="CS58" s="1293"/>
      <c r="CT58" s="1293"/>
      <c r="CU58" s="1293"/>
      <c r="CV58" s="1293"/>
      <c r="CW58" s="1293"/>
      <c r="CX58" s="1293"/>
      <c r="CY58" s="1293"/>
      <c r="CZ58" s="1293"/>
      <c r="DA58" s="1293"/>
      <c r="DB58" s="1293"/>
      <c r="DC58" s="1293"/>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10</v>
      </c>
    </row>
    <row r="64" spans="1:109" ht="13.2" x14ac:dyDescent="0.2">
      <c r="B64" s="376"/>
      <c r="G64" s="383"/>
      <c r="I64" s="396"/>
      <c r="J64" s="396"/>
      <c r="K64" s="396"/>
      <c r="L64" s="396"/>
      <c r="M64" s="396"/>
      <c r="N64" s="397"/>
      <c r="AM64" s="383"/>
      <c r="AN64" s="383" t="s">
        <v>603</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79" t="s">
        <v>611</v>
      </c>
      <c r="AO65" s="1280"/>
      <c r="AP65" s="1280"/>
      <c r="AQ65" s="1280"/>
      <c r="AR65" s="1280"/>
      <c r="AS65" s="1280"/>
      <c r="AT65" s="1280"/>
      <c r="AU65" s="1280"/>
      <c r="AV65" s="1280"/>
      <c r="AW65" s="1280"/>
      <c r="AX65" s="1280"/>
      <c r="AY65" s="1280"/>
      <c r="AZ65" s="1280"/>
      <c r="BA65" s="1280"/>
      <c r="BB65" s="1280"/>
      <c r="BC65" s="1280"/>
      <c r="BD65" s="1280"/>
      <c r="BE65" s="1280"/>
      <c r="BF65" s="1280"/>
      <c r="BG65" s="1280"/>
      <c r="BH65" s="1280"/>
      <c r="BI65" s="1280"/>
      <c r="BJ65" s="1280"/>
      <c r="BK65" s="1280"/>
      <c r="BL65" s="1280"/>
      <c r="BM65" s="1280"/>
      <c r="BN65" s="1280"/>
      <c r="BO65" s="1280"/>
      <c r="BP65" s="1280"/>
      <c r="BQ65" s="1280"/>
      <c r="BR65" s="1280"/>
      <c r="BS65" s="1280"/>
      <c r="BT65" s="1280"/>
      <c r="BU65" s="1280"/>
      <c r="BV65" s="1280"/>
      <c r="BW65" s="1280"/>
      <c r="BX65" s="1280"/>
      <c r="BY65" s="1280"/>
      <c r="BZ65" s="1280"/>
      <c r="CA65" s="1280"/>
      <c r="CB65" s="1280"/>
      <c r="CC65" s="1280"/>
      <c r="CD65" s="1280"/>
      <c r="CE65" s="1280"/>
      <c r="CF65" s="1280"/>
      <c r="CG65" s="1280"/>
      <c r="CH65" s="1280"/>
      <c r="CI65" s="1280"/>
      <c r="CJ65" s="1280"/>
      <c r="CK65" s="1280"/>
      <c r="CL65" s="1280"/>
      <c r="CM65" s="1280"/>
      <c r="CN65" s="1280"/>
      <c r="CO65" s="1280"/>
      <c r="CP65" s="1280"/>
      <c r="CQ65" s="1280"/>
      <c r="CR65" s="1280"/>
      <c r="CS65" s="1280"/>
      <c r="CT65" s="1280"/>
      <c r="CU65" s="1280"/>
      <c r="CV65" s="1280"/>
      <c r="CW65" s="1280"/>
      <c r="CX65" s="1280"/>
      <c r="CY65" s="1280"/>
      <c r="CZ65" s="1280"/>
      <c r="DA65" s="1280"/>
      <c r="DB65" s="1280"/>
      <c r="DC65" s="1281"/>
    </row>
    <row r="66" spans="2:107" ht="13.2" x14ac:dyDescent="0.2">
      <c r="B66" s="376"/>
      <c r="AN66" s="1282"/>
      <c r="AO66" s="1283"/>
      <c r="AP66" s="1283"/>
      <c r="AQ66" s="1283"/>
      <c r="AR66" s="1283"/>
      <c r="AS66" s="1283"/>
      <c r="AT66" s="1283"/>
      <c r="AU66" s="1283"/>
      <c r="AV66" s="1283"/>
      <c r="AW66" s="1283"/>
      <c r="AX66" s="1283"/>
      <c r="AY66" s="1283"/>
      <c r="AZ66" s="1283"/>
      <c r="BA66" s="1283"/>
      <c r="BB66" s="1283"/>
      <c r="BC66" s="1283"/>
      <c r="BD66" s="1283"/>
      <c r="BE66" s="1283"/>
      <c r="BF66" s="1283"/>
      <c r="BG66" s="1283"/>
      <c r="BH66" s="1283"/>
      <c r="BI66" s="1283"/>
      <c r="BJ66" s="1283"/>
      <c r="BK66" s="1283"/>
      <c r="BL66" s="1283"/>
      <c r="BM66" s="1283"/>
      <c r="BN66" s="1283"/>
      <c r="BO66" s="1283"/>
      <c r="BP66" s="1283"/>
      <c r="BQ66" s="1283"/>
      <c r="BR66" s="1283"/>
      <c r="BS66" s="1283"/>
      <c r="BT66" s="1283"/>
      <c r="BU66" s="1283"/>
      <c r="BV66" s="1283"/>
      <c r="BW66" s="1283"/>
      <c r="BX66" s="1283"/>
      <c r="BY66" s="1283"/>
      <c r="BZ66" s="1283"/>
      <c r="CA66" s="1283"/>
      <c r="CB66" s="1283"/>
      <c r="CC66" s="1283"/>
      <c r="CD66" s="1283"/>
      <c r="CE66" s="1283"/>
      <c r="CF66" s="1283"/>
      <c r="CG66" s="1283"/>
      <c r="CH66" s="1283"/>
      <c r="CI66" s="1283"/>
      <c r="CJ66" s="1283"/>
      <c r="CK66" s="1283"/>
      <c r="CL66" s="1283"/>
      <c r="CM66" s="1283"/>
      <c r="CN66" s="1283"/>
      <c r="CO66" s="1283"/>
      <c r="CP66" s="1283"/>
      <c r="CQ66" s="1283"/>
      <c r="CR66" s="1283"/>
      <c r="CS66" s="1283"/>
      <c r="CT66" s="1283"/>
      <c r="CU66" s="1283"/>
      <c r="CV66" s="1283"/>
      <c r="CW66" s="1283"/>
      <c r="CX66" s="1283"/>
      <c r="CY66" s="1283"/>
      <c r="CZ66" s="1283"/>
      <c r="DA66" s="1283"/>
      <c r="DB66" s="1283"/>
      <c r="DC66" s="1284"/>
    </row>
    <row r="67" spans="2:107" ht="13.2" x14ac:dyDescent="0.2">
      <c r="B67" s="376"/>
      <c r="AN67" s="1282"/>
      <c r="AO67" s="1283"/>
      <c r="AP67" s="1283"/>
      <c r="AQ67" s="1283"/>
      <c r="AR67" s="1283"/>
      <c r="AS67" s="1283"/>
      <c r="AT67" s="1283"/>
      <c r="AU67" s="1283"/>
      <c r="AV67" s="1283"/>
      <c r="AW67" s="1283"/>
      <c r="AX67" s="1283"/>
      <c r="AY67" s="1283"/>
      <c r="AZ67" s="1283"/>
      <c r="BA67" s="1283"/>
      <c r="BB67" s="1283"/>
      <c r="BC67" s="1283"/>
      <c r="BD67" s="1283"/>
      <c r="BE67" s="1283"/>
      <c r="BF67" s="1283"/>
      <c r="BG67" s="1283"/>
      <c r="BH67" s="1283"/>
      <c r="BI67" s="1283"/>
      <c r="BJ67" s="1283"/>
      <c r="BK67" s="1283"/>
      <c r="BL67" s="1283"/>
      <c r="BM67" s="1283"/>
      <c r="BN67" s="1283"/>
      <c r="BO67" s="1283"/>
      <c r="BP67" s="1283"/>
      <c r="BQ67" s="1283"/>
      <c r="BR67" s="1283"/>
      <c r="BS67" s="1283"/>
      <c r="BT67" s="1283"/>
      <c r="BU67" s="1283"/>
      <c r="BV67" s="1283"/>
      <c r="BW67" s="1283"/>
      <c r="BX67" s="1283"/>
      <c r="BY67" s="1283"/>
      <c r="BZ67" s="1283"/>
      <c r="CA67" s="1283"/>
      <c r="CB67" s="1283"/>
      <c r="CC67" s="1283"/>
      <c r="CD67" s="1283"/>
      <c r="CE67" s="1283"/>
      <c r="CF67" s="1283"/>
      <c r="CG67" s="1283"/>
      <c r="CH67" s="1283"/>
      <c r="CI67" s="1283"/>
      <c r="CJ67" s="1283"/>
      <c r="CK67" s="1283"/>
      <c r="CL67" s="1283"/>
      <c r="CM67" s="1283"/>
      <c r="CN67" s="1283"/>
      <c r="CO67" s="1283"/>
      <c r="CP67" s="1283"/>
      <c r="CQ67" s="1283"/>
      <c r="CR67" s="1283"/>
      <c r="CS67" s="1283"/>
      <c r="CT67" s="1283"/>
      <c r="CU67" s="1283"/>
      <c r="CV67" s="1283"/>
      <c r="CW67" s="1283"/>
      <c r="CX67" s="1283"/>
      <c r="CY67" s="1283"/>
      <c r="CZ67" s="1283"/>
      <c r="DA67" s="1283"/>
      <c r="DB67" s="1283"/>
      <c r="DC67" s="1284"/>
    </row>
    <row r="68" spans="2:107" ht="13.2" x14ac:dyDescent="0.2">
      <c r="B68" s="376"/>
      <c r="AN68" s="1282"/>
      <c r="AO68" s="1283"/>
      <c r="AP68" s="1283"/>
      <c r="AQ68" s="1283"/>
      <c r="AR68" s="1283"/>
      <c r="AS68" s="1283"/>
      <c r="AT68" s="1283"/>
      <c r="AU68" s="1283"/>
      <c r="AV68" s="1283"/>
      <c r="AW68" s="1283"/>
      <c r="AX68" s="1283"/>
      <c r="AY68" s="1283"/>
      <c r="AZ68" s="1283"/>
      <c r="BA68" s="1283"/>
      <c r="BB68" s="1283"/>
      <c r="BC68" s="1283"/>
      <c r="BD68" s="1283"/>
      <c r="BE68" s="1283"/>
      <c r="BF68" s="1283"/>
      <c r="BG68" s="1283"/>
      <c r="BH68" s="1283"/>
      <c r="BI68" s="1283"/>
      <c r="BJ68" s="1283"/>
      <c r="BK68" s="1283"/>
      <c r="BL68" s="1283"/>
      <c r="BM68" s="1283"/>
      <c r="BN68" s="1283"/>
      <c r="BO68" s="1283"/>
      <c r="BP68" s="1283"/>
      <c r="BQ68" s="1283"/>
      <c r="BR68" s="1283"/>
      <c r="BS68" s="1283"/>
      <c r="BT68" s="1283"/>
      <c r="BU68" s="1283"/>
      <c r="BV68" s="1283"/>
      <c r="BW68" s="1283"/>
      <c r="BX68" s="1283"/>
      <c r="BY68" s="1283"/>
      <c r="BZ68" s="1283"/>
      <c r="CA68" s="1283"/>
      <c r="CB68" s="1283"/>
      <c r="CC68" s="1283"/>
      <c r="CD68" s="1283"/>
      <c r="CE68" s="1283"/>
      <c r="CF68" s="1283"/>
      <c r="CG68" s="1283"/>
      <c r="CH68" s="1283"/>
      <c r="CI68" s="1283"/>
      <c r="CJ68" s="1283"/>
      <c r="CK68" s="1283"/>
      <c r="CL68" s="1283"/>
      <c r="CM68" s="1283"/>
      <c r="CN68" s="1283"/>
      <c r="CO68" s="1283"/>
      <c r="CP68" s="1283"/>
      <c r="CQ68" s="1283"/>
      <c r="CR68" s="1283"/>
      <c r="CS68" s="1283"/>
      <c r="CT68" s="1283"/>
      <c r="CU68" s="1283"/>
      <c r="CV68" s="1283"/>
      <c r="CW68" s="1283"/>
      <c r="CX68" s="1283"/>
      <c r="CY68" s="1283"/>
      <c r="CZ68" s="1283"/>
      <c r="DA68" s="1283"/>
      <c r="DB68" s="1283"/>
      <c r="DC68" s="1284"/>
    </row>
    <row r="69" spans="2:107" ht="13.2" x14ac:dyDescent="0.2">
      <c r="B69" s="376"/>
      <c r="AN69" s="1285"/>
      <c r="AO69" s="1286"/>
      <c r="AP69" s="1286"/>
      <c r="AQ69" s="1286"/>
      <c r="AR69" s="1286"/>
      <c r="AS69" s="1286"/>
      <c r="AT69" s="1286"/>
      <c r="AU69" s="1286"/>
      <c r="AV69" s="1286"/>
      <c r="AW69" s="1286"/>
      <c r="AX69" s="1286"/>
      <c r="AY69" s="1286"/>
      <c r="AZ69" s="1286"/>
      <c r="BA69" s="1286"/>
      <c r="BB69" s="1286"/>
      <c r="BC69" s="1286"/>
      <c r="BD69" s="1286"/>
      <c r="BE69" s="1286"/>
      <c r="BF69" s="1286"/>
      <c r="BG69" s="1286"/>
      <c r="BH69" s="1286"/>
      <c r="BI69" s="1286"/>
      <c r="BJ69" s="1286"/>
      <c r="BK69" s="1286"/>
      <c r="BL69" s="1286"/>
      <c r="BM69" s="1286"/>
      <c r="BN69" s="1286"/>
      <c r="BO69" s="1286"/>
      <c r="BP69" s="1286"/>
      <c r="BQ69" s="1286"/>
      <c r="BR69" s="1286"/>
      <c r="BS69" s="1286"/>
      <c r="BT69" s="1286"/>
      <c r="BU69" s="1286"/>
      <c r="BV69" s="1286"/>
      <c r="BW69" s="1286"/>
      <c r="BX69" s="1286"/>
      <c r="BY69" s="1286"/>
      <c r="BZ69" s="1286"/>
      <c r="CA69" s="1286"/>
      <c r="CB69" s="1286"/>
      <c r="CC69" s="1286"/>
      <c r="CD69" s="1286"/>
      <c r="CE69" s="1286"/>
      <c r="CF69" s="1286"/>
      <c r="CG69" s="1286"/>
      <c r="CH69" s="1286"/>
      <c r="CI69" s="1286"/>
      <c r="CJ69" s="1286"/>
      <c r="CK69" s="1286"/>
      <c r="CL69" s="1286"/>
      <c r="CM69" s="1286"/>
      <c r="CN69" s="1286"/>
      <c r="CO69" s="1286"/>
      <c r="CP69" s="1286"/>
      <c r="CQ69" s="1286"/>
      <c r="CR69" s="1286"/>
      <c r="CS69" s="1286"/>
      <c r="CT69" s="1286"/>
      <c r="CU69" s="1286"/>
      <c r="CV69" s="1286"/>
      <c r="CW69" s="1286"/>
      <c r="CX69" s="1286"/>
      <c r="CY69" s="1286"/>
      <c r="CZ69" s="1286"/>
      <c r="DA69" s="1286"/>
      <c r="DB69" s="1286"/>
      <c r="DC69" s="1287"/>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5</v>
      </c>
    </row>
    <row r="72" spans="2:107" ht="13.2" x14ac:dyDescent="0.2">
      <c r="B72" s="376"/>
      <c r="G72" s="1288"/>
      <c r="H72" s="1288"/>
      <c r="I72" s="1288"/>
      <c r="J72" s="1288"/>
      <c r="K72" s="386"/>
      <c r="L72" s="386"/>
      <c r="M72" s="387"/>
      <c r="N72" s="387"/>
      <c r="AN72" s="1289"/>
      <c r="AO72" s="1290"/>
      <c r="AP72" s="1290"/>
      <c r="AQ72" s="1290"/>
      <c r="AR72" s="1290"/>
      <c r="AS72" s="1290"/>
      <c r="AT72" s="1290"/>
      <c r="AU72" s="1290"/>
      <c r="AV72" s="1290"/>
      <c r="AW72" s="1290"/>
      <c r="AX72" s="1290"/>
      <c r="AY72" s="1290"/>
      <c r="AZ72" s="1290"/>
      <c r="BA72" s="1290"/>
      <c r="BB72" s="1290"/>
      <c r="BC72" s="1290"/>
      <c r="BD72" s="1290"/>
      <c r="BE72" s="1290"/>
      <c r="BF72" s="1290"/>
      <c r="BG72" s="1290"/>
      <c r="BH72" s="1290"/>
      <c r="BI72" s="1290"/>
      <c r="BJ72" s="1290"/>
      <c r="BK72" s="1290"/>
      <c r="BL72" s="1290"/>
      <c r="BM72" s="1290"/>
      <c r="BN72" s="1290"/>
      <c r="BO72" s="1291"/>
      <c r="BP72" s="1292" t="s">
        <v>562</v>
      </c>
      <c r="BQ72" s="1292"/>
      <c r="BR72" s="1292"/>
      <c r="BS72" s="1292"/>
      <c r="BT72" s="1292"/>
      <c r="BU72" s="1292"/>
      <c r="BV72" s="1292"/>
      <c r="BW72" s="1292"/>
      <c r="BX72" s="1292" t="s">
        <v>563</v>
      </c>
      <c r="BY72" s="1292"/>
      <c r="BZ72" s="1292"/>
      <c r="CA72" s="1292"/>
      <c r="CB72" s="1292"/>
      <c r="CC72" s="1292"/>
      <c r="CD72" s="1292"/>
      <c r="CE72" s="1292"/>
      <c r="CF72" s="1292" t="s">
        <v>564</v>
      </c>
      <c r="CG72" s="1292"/>
      <c r="CH72" s="1292"/>
      <c r="CI72" s="1292"/>
      <c r="CJ72" s="1292"/>
      <c r="CK72" s="1292"/>
      <c r="CL72" s="1292"/>
      <c r="CM72" s="1292"/>
      <c r="CN72" s="1292" t="s">
        <v>565</v>
      </c>
      <c r="CO72" s="1292"/>
      <c r="CP72" s="1292"/>
      <c r="CQ72" s="1292"/>
      <c r="CR72" s="1292"/>
      <c r="CS72" s="1292"/>
      <c r="CT72" s="1292"/>
      <c r="CU72" s="1292"/>
      <c r="CV72" s="1292" t="s">
        <v>566</v>
      </c>
      <c r="CW72" s="1292"/>
      <c r="CX72" s="1292"/>
      <c r="CY72" s="1292"/>
      <c r="CZ72" s="1292"/>
      <c r="DA72" s="1292"/>
      <c r="DB72" s="1292"/>
      <c r="DC72" s="1292"/>
    </row>
    <row r="73" spans="2:107" ht="13.2" x14ac:dyDescent="0.2">
      <c r="B73" s="376"/>
      <c r="G73" s="1298"/>
      <c r="H73" s="1298"/>
      <c r="I73" s="1298"/>
      <c r="J73" s="1298"/>
      <c r="K73" s="1299"/>
      <c r="L73" s="1299"/>
      <c r="M73" s="1299"/>
      <c r="N73" s="1299"/>
      <c r="AM73" s="385"/>
      <c r="AN73" s="1295" t="s">
        <v>606</v>
      </c>
      <c r="AO73" s="1295"/>
      <c r="AP73" s="1295"/>
      <c r="AQ73" s="1295"/>
      <c r="AR73" s="1295"/>
      <c r="AS73" s="1295"/>
      <c r="AT73" s="1295"/>
      <c r="AU73" s="1295"/>
      <c r="AV73" s="1295"/>
      <c r="AW73" s="1295"/>
      <c r="AX73" s="1295"/>
      <c r="AY73" s="1295"/>
      <c r="AZ73" s="1295"/>
      <c r="BA73" s="1295"/>
      <c r="BB73" s="1295" t="s">
        <v>607</v>
      </c>
      <c r="BC73" s="1295"/>
      <c r="BD73" s="1295"/>
      <c r="BE73" s="1295"/>
      <c r="BF73" s="1295"/>
      <c r="BG73" s="1295"/>
      <c r="BH73" s="1295"/>
      <c r="BI73" s="1295"/>
      <c r="BJ73" s="1295"/>
      <c r="BK73" s="1295"/>
      <c r="BL73" s="1295"/>
      <c r="BM73" s="1295"/>
      <c r="BN73" s="1295"/>
      <c r="BO73" s="1295"/>
      <c r="BP73" s="1293"/>
      <c r="BQ73" s="1293"/>
      <c r="BR73" s="1293"/>
      <c r="BS73" s="1293"/>
      <c r="BT73" s="1293"/>
      <c r="BU73" s="1293"/>
      <c r="BV73" s="1293"/>
      <c r="BW73" s="1293"/>
      <c r="BX73" s="1293"/>
      <c r="BY73" s="1293"/>
      <c r="BZ73" s="1293"/>
      <c r="CA73" s="1293"/>
      <c r="CB73" s="1293"/>
      <c r="CC73" s="1293"/>
      <c r="CD73" s="1293"/>
      <c r="CE73" s="1293"/>
      <c r="CF73" s="1293"/>
      <c r="CG73" s="1293"/>
      <c r="CH73" s="1293"/>
      <c r="CI73" s="1293"/>
      <c r="CJ73" s="1293"/>
      <c r="CK73" s="1293"/>
      <c r="CL73" s="1293"/>
      <c r="CM73" s="1293"/>
      <c r="CN73" s="1293"/>
      <c r="CO73" s="1293"/>
      <c r="CP73" s="1293"/>
      <c r="CQ73" s="1293"/>
      <c r="CR73" s="1293"/>
      <c r="CS73" s="1293"/>
      <c r="CT73" s="1293"/>
      <c r="CU73" s="1293"/>
      <c r="CV73" s="1293"/>
      <c r="CW73" s="1293"/>
      <c r="CX73" s="1293"/>
      <c r="CY73" s="1293"/>
      <c r="CZ73" s="1293"/>
      <c r="DA73" s="1293"/>
      <c r="DB73" s="1293"/>
      <c r="DC73" s="1293"/>
    </row>
    <row r="74" spans="2:107" ht="13.2" x14ac:dyDescent="0.2">
      <c r="B74" s="376"/>
      <c r="G74" s="1298"/>
      <c r="H74" s="1298"/>
      <c r="I74" s="1298"/>
      <c r="J74" s="1298"/>
      <c r="K74" s="1299"/>
      <c r="L74" s="1299"/>
      <c r="M74" s="1299"/>
      <c r="N74" s="1299"/>
      <c r="AM74" s="385"/>
      <c r="AN74" s="1295"/>
      <c r="AO74" s="1295"/>
      <c r="AP74" s="1295"/>
      <c r="AQ74" s="1295"/>
      <c r="AR74" s="1295"/>
      <c r="AS74" s="1295"/>
      <c r="AT74" s="1295"/>
      <c r="AU74" s="1295"/>
      <c r="AV74" s="1295"/>
      <c r="AW74" s="1295"/>
      <c r="AX74" s="1295"/>
      <c r="AY74" s="1295"/>
      <c r="AZ74" s="1295"/>
      <c r="BA74" s="1295"/>
      <c r="BB74" s="1295"/>
      <c r="BC74" s="1295"/>
      <c r="BD74" s="1295"/>
      <c r="BE74" s="1295"/>
      <c r="BF74" s="1295"/>
      <c r="BG74" s="1295"/>
      <c r="BH74" s="1295"/>
      <c r="BI74" s="1295"/>
      <c r="BJ74" s="1295"/>
      <c r="BK74" s="1295"/>
      <c r="BL74" s="1295"/>
      <c r="BM74" s="1295"/>
      <c r="BN74" s="1295"/>
      <c r="BO74" s="1295"/>
      <c r="BP74" s="1293"/>
      <c r="BQ74" s="1293"/>
      <c r="BR74" s="1293"/>
      <c r="BS74" s="1293"/>
      <c r="BT74" s="1293"/>
      <c r="BU74" s="1293"/>
      <c r="BV74" s="1293"/>
      <c r="BW74" s="1293"/>
      <c r="BX74" s="1293"/>
      <c r="BY74" s="1293"/>
      <c r="BZ74" s="1293"/>
      <c r="CA74" s="1293"/>
      <c r="CB74" s="1293"/>
      <c r="CC74" s="1293"/>
      <c r="CD74" s="1293"/>
      <c r="CE74" s="1293"/>
      <c r="CF74" s="1293"/>
      <c r="CG74" s="1293"/>
      <c r="CH74" s="1293"/>
      <c r="CI74" s="1293"/>
      <c r="CJ74" s="1293"/>
      <c r="CK74" s="1293"/>
      <c r="CL74" s="1293"/>
      <c r="CM74" s="1293"/>
      <c r="CN74" s="1293"/>
      <c r="CO74" s="1293"/>
      <c r="CP74" s="1293"/>
      <c r="CQ74" s="1293"/>
      <c r="CR74" s="1293"/>
      <c r="CS74" s="1293"/>
      <c r="CT74" s="1293"/>
      <c r="CU74" s="1293"/>
      <c r="CV74" s="1293"/>
      <c r="CW74" s="1293"/>
      <c r="CX74" s="1293"/>
      <c r="CY74" s="1293"/>
      <c r="CZ74" s="1293"/>
      <c r="DA74" s="1293"/>
      <c r="DB74" s="1293"/>
      <c r="DC74" s="1293"/>
    </row>
    <row r="75" spans="2:107" ht="13.2" x14ac:dyDescent="0.2">
      <c r="B75" s="376"/>
      <c r="G75" s="1298"/>
      <c r="H75" s="1298"/>
      <c r="I75" s="1288"/>
      <c r="J75" s="1288"/>
      <c r="K75" s="1294"/>
      <c r="L75" s="1294"/>
      <c r="M75" s="1294"/>
      <c r="N75" s="1294"/>
      <c r="AM75" s="385"/>
      <c r="AN75" s="1295"/>
      <c r="AO75" s="1295"/>
      <c r="AP75" s="1295"/>
      <c r="AQ75" s="1295"/>
      <c r="AR75" s="1295"/>
      <c r="AS75" s="1295"/>
      <c r="AT75" s="1295"/>
      <c r="AU75" s="1295"/>
      <c r="AV75" s="1295"/>
      <c r="AW75" s="1295"/>
      <c r="AX75" s="1295"/>
      <c r="AY75" s="1295"/>
      <c r="AZ75" s="1295"/>
      <c r="BA75" s="1295"/>
      <c r="BB75" s="1295" t="s">
        <v>612</v>
      </c>
      <c r="BC75" s="1295"/>
      <c r="BD75" s="1295"/>
      <c r="BE75" s="1295"/>
      <c r="BF75" s="1295"/>
      <c r="BG75" s="1295"/>
      <c r="BH75" s="1295"/>
      <c r="BI75" s="1295"/>
      <c r="BJ75" s="1295"/>
      <c r="BK75" s="1295"/>
      <c r="BL75" s="1295"/>
      <c r="BM75" s="1295"/>
      <c r="BN75" s="1295"/>
      <c r="BO75" s="1295"/>
      <c r="BP75" s="1293">
        <v>0.3</v>
      </c>
      <c r="BQ75" s="1293"/>
      <c r="BR75" s="1293"/>
      <c r="BS75" s="1293"/>
      <c r="BT75" s="1293"/>
      <c r="BU75" s="1293"/>
      <c r="BV75" s="1293"/>
      <c r="BW75" s="1293"/>
      <c r="BX75" s="1293">
        <v>0.6</v>
      </c>
      <c r="BY75" s="1293"/>
      <c r="BZ75" s="1293"/>
      <c r="CA75" s="1293"/>
      <c r="CB75" s="1293"/>
      <c r="CC75" s="1293"/>
      <c r="CD75" s="1293"/>
      <c r="CE75" s="1293"/>
      <c r="CF75" s="1293">
        <v>0.8</v>
      </c>
      <c r="CG75" s="1293"/>
      <c r="CH75" s="1293"/>
      <c r="CI75" s="1293"/>
      <c r="CJ75" s="1293"/>
      <c r="CK75" s="1293"/>
      <c r="CL75" s="1293"/>
      <c r="CM75" s="1293"/>
      <c r="CN75" s="1293">
        <v>1.1000000000000001</v>
      </c>
      <c r="CO75" s="1293"/>
      <c r="CP75" s="1293"/>
      <c r="CQ75" s="1293"/>
      <c r="CR75" s="1293"/>
      <c r="CS75" s="1293"/>
      <c r="CT75" s="1293"/>
      <c r="CU75" s="1293"/>
      <c r="CV75" s="1293">
        <v>1.1000000000000001</v>
      </c>
      <c r="CW75" s="1293"/>
      <c r="CX75" s="1293"/>
      <c r="CY75" s="1293"/>
      <c r="CZ75" s="1293"/>
      <c r="DA75" s="1293"/>
      <c r="DB75" s="1293"/>
      <c r="DC75" s="1293"/>
    </row>
    <row r="76" spans="2:107" ht="13.2" x14ac:dyDescent="0.2">
      <c r="B76" s="376"/>
      <c r="G76" s="1298"/>
      <c r="H76" s="1298"/>
      <c r="I76" s="1288"/>
      <c r="J76" s="1288"/>
      <c r="K76" s="1294"/>
      <c r="L76" s="1294"/>
      <c r="M76" s="1294"/>
      <c r="N76" s="1294"/>
      <c r="AM76" s="385"/>
      <c r="AN76" s="1295"/>
      <c r="AO76" s="1295"/>
      <c r="AP76" s="1295"/>
      <c r="AQ76" s="1295"/>
      <c r="AR76" s="1295"/>
      <c r="AS76" s="1295"/>
      <c r="AT76" s="1295"/>
      <c r="AU76" s="1295"/>
      <c r="AV76" s="1295"/>
      <c r="AW76" s="1295"/>
      <c r="AX76" s="1295"/>
      <c r="AY76" s="1295"/>
      <c r="AZ76" s="1295"/>
      <c r="BA76" s="1295"/>
      <c r="BB76" s="1295"/>
      <c r="BC76" s="1295"/>
      <c r="BD76" s="1295"/>
      <c r="BE76" s="1295"/>
      <c r="BF76" s="1295"/>
      <c r="BG76" s="1295"/>
      <c r="BH76" s="1295"/>
      <c r="BI76" s="1295"/>
      <c r="BJ76" s="1295"/>
      <c r="BK76" s="1295"/>
      <c r="BL76" s="1295"/>
      <c r="BM76" s="1295"/>
      <c r="BN76" s="1295"/>
      <c r="BO76" s="1295"/>
      <c r="BP76" s="1293"/>
      <c r="BQ76" s="1293"/>
      <c r="BR76" s="1293"/>
      <c r="BS76" s="1293"/>
      <c r="BT76" s="1293"/>
      <c r="BU76" s="1293"/>
      <c r="BV76" s="1293"/>
      <c r="BW76" s="1293"/>
      <c r="BX76" s="1293"/>
      <c r="BY76" s="1293"/>
      <c r="BZ76" s="1293"/>
      <c r="CA76" s="1293"/>
      <c r="CB76" s="1293"/>
      <c r="CC76" s="1293"/>
      <c r="CD76" s="1293"/>
      <c r="CE76" s="1293"/>
      <c r="CF76" s="1293"/>
      <c r="CG76" s="1293"/>
      <c r="CH76" s="1293"/>
      <c r="CI76" s="1293"/>
      <c r="CJ76" s="1293"/>
      <c r="CK76" s="1293"/>
      <c r="CL76" s="1293"/>
      <c r="CM76" s="1293"/>
      <c r="CN76" s="1293"/>
      <c r="CO76" s="1293"/>
      <c r="CP76" s="1293"/>
      <c r="CQ76" s="1293"/>
      <c r="CR76" s="1293"/>
      <c r="CS76" s="1293"/>
      <c r="CT76" s="1293"/>
      <c r="CU76" s="1293"/>
      <c r="CV76" s="1293"/>
      <c r="CW76" s="1293"/>
      <c r="CX76" s="1293"/>
      <c r="CY76" s="1293"/>
      <c r="CZ76" s="1293"/>
      <c r="DA76" s="1293"/>
      <c r="DB76" s="1293"/>
      <c r="DC76" s="1293"/>
    </row>
    <row r="77" spans="2:107" ht="13.2" x14ac:dyDescent="0.2">
      <c r="B77" s="376"/>
      <c r="G77" s="1288"/>
      <c r="H77" s="1288"/>
      <c r="I77" s="1288"/>
      <c r="J77" s="1288"/>
      <c r="K77" s="1299"/>
      <c r="L77" s="1299"/>
      <c r="M77" s="1299"/>
      <c r="N77" s="1299"/>
      <c r="AN77" s="1292" t="s">
        <v>609</v>
      </c>
      <c r="AO77" s="1292"/>
      <c r="AP77" s="1292"/>
      <c r="AQ77" s="1292"/>
      <c r="AR77" s="1292"/>
      <c r="AS77" s="1292"/>
      <c r="AT77" s="1292"/>
      <c r="AU77" s="1292"/>
      <c r="AV77" s="1292"/>
      <c r="AW77" s="1292"/>
      <c r="AX77" s="1292"/>
      <c r="AY77" s="1292"/>
      <c r="AZ77" s="1292"/>
      <c r="BA77" s="1292"/>
      <c r="BB77" s="1295" t="s">
        <v>607</v>
      </c>
      <c r="BC77" s="1295"/>
      <c r="BD77" s="1295"/>
      <c r="BE77" s="1295"/>
      <c r="BF77" s="1295"/>
      <c r="BG77" s="1295"/>
      <c r="BH77" s="1295"/>
      <c r="BI77" s="1295"/>
      <c r="BJ77" s="1295"/>
      <c r="BK77" s="1295"/>
      <c r="BL77" s="1295"/>
      <c r="BM77" s="1295"/>
      <c r="BN77" s="1295"/>
      <c r="BO77" s="1295"/>
      <c r="BP77" s="1293">
        <v>17.399999999999999</v>
      </c>
      <c r="BQ77" s="1293"/>
      <c r="BR77" s="1293"/>
      <c r="BS77" s="1293"/>
      <c r="BT77" s="1293"/>
      <c r="BU77" s="1293"/>
      <c r="BV77" s="1293"/>
      <c r="BW77" s="1293"/>
      <c r="BX77" s="1293">
        <v>12.1</v>
      </c>
      <c r="BY77" s="1293"/>
      <c r="BZ77" s="1293"/>
      <c r="CA77" s="1293"/>
      <c r="CB77" s="1293"/>
      <c r="CC77" s="1293"/>
      <c r="CD77" s="1293"/>
      <c r="CE77" s="1293"/>
      <c r="CF77" s="1293">
        <v>11.2</v>
      </c>
      <c r="CG77" s="1293"/>
      <c r="CH77" s="1293"/>
      <c r="CI77" s="1293"/>
      <c r="CJ77" s="1293"/>
      <c r="CK77" s="1293"/>
      <c r="CL77" s="1293"/>
      <c r="CM77" s="1293"/>
      <c r="CN77" s="1293">
        <v>7.1</v>
      </c>
      <c r="CO77" s="1293"/>
      <c r="CP77" s="1293"/>
      <c r="CQ77" s="1293"/>
      <c r="CR77" s="1293"/>
      <c r="CS77" s="1293"/>
      <c r="CT77" s="1293"/>
      <c r="CU77" s="1293"/>
      <c r="CV77" s="1293">
        <v>5</v>
      </c>
      <c r="CW77" s="1293"/>
      <c r="CX77" s="1293"/>
      <c r="CY77" s="1293"/>
      <c r="CZ77" s="1293"/>
      <c r="DA77" s="1293"/>
      <c r="DB77" s="1293"/>
      <c r="DC77" s="1293"/>
    </row>
    <row r="78" spans="2:107" ht="13.2" x14ac:dyDescent="0.2">
      <c r="B78" s="376"/>
      <c r="G78" s="1288"/>
      <c r="H78" s="1288"/>
      <c r="I78" s="1288"/>
      <c r="J78" s="1288"/>
      <c r="K78" s="1299"/>
      <c r="L78" s="1299"/>
      <c r="M78" s="1299"/>
      <c r="N78" s="1299"/>
      <c r="AN78" s="1292"/>
      <c r="AO78" s="1292"/>
      <c r="AP78" s="1292"/>
      <c r="AQ78" s="1292"/>
      <c r="AR78" s="1292"/>
      <c r="AS78" s="1292"/>
      <c r="AT78" s="1292"/>
      <c r="AU78" s="1292"/>
      <c r="AV78" s="1292"/>
      <c r="AW78" s="1292"/>
      <c r="AX78" s="1292"/>
      <c r="AY78" s="1292"/>
      <c r="AZ78" s="1292"/>
      <c r="BA78" s="1292"/>
      <c r="BB78" s="1295"/>
      <c r="BC78" s="1295"/>
      <c r="BD78" s="1295"/>
      <c r="BE78" s="1295"/>
      <c r="BF78" s="1295"/>
      <c r="BG78" s="1295"/>
      <c r="BH78" s="1295"/>
      <c r="BI78" s="1295"/>
      <c r="BJ78" s="1295"/>
      <c r="BK78" s="1295"/>
      <c r="BL78" s="1295"/>
      <c r="BM78" s="1295"/>
      <c r="BN78" s="1295"/>
      <c r="BO78" s="1295"/>
      <c r="BP78" s="1293"/>
      <c r="BQ78" s="1293"/>
      <c r="BR78" s="1293"/>
      <c r="BS78" s="1293"/>
      <c r="BT78" s="1293"/>
      <c r="BU78" s="1293"/>
      <c r="BV78" s="1293"/>
      <c r="BW78" s="1293"/>
      <c r="BX78" s="1293"/>
      <c r="BY78" s="1293"/>
      <c r="BZ78" s="1293"/>
      <c r="CA78" s="1293"/>
      <c r="CB78" s="1293"/>
      <c r="CC78" s="1293"/>
      <c r="CD78" s="1293"/>
      <c r="CE78" s="1293"/>
      <c r="CF78" s="1293"/>
      <c r="CG78" s="1293"/>
      <c r="CH78" s="1293"/>
      <c r="CI78" s="1293"/>
      <c r="CJ78" s="1293"/>
      <c r="CK78" s="1293"/>
      <c r="CL78" s="1293"/>
      <c r="CM78" s="1293"/>
      <c r="CN78" s="1293"/>
      <c r="CO78" s="1293"/>
      <c r="CP78" s="1293"/>
      <c r="CQ78" s="1293"/>
      <c r="CR78" s="1293"/>
      <c r="CS78" s="1293"/>
      <c r="CT78" s="1293"/>
      <c r="CU78" s="1293"/>
      <c r="CV78" s="1293"/>
      <c r="CW78" s="1293"/>
      <c r="CX78" s="1293"/>
      <c r="CY78" s="1293"/>
      <c r="CZ78" s="1293"/>
      <c r="DA78" s="1293"/>
      <c r="DB78" s="1293"/>
      <c r="DC78" s="1293"/>
    </row>
    <row r="79" spans="2:107" ht="13.2" x14ac:dyDescent="0.2">
      <c r="B79" s="376"/>
      <c r="G79" s="1288"/>
      <c r="H79" s="1288"/>
      <c r="I79" s="1297"/>
      <c r="J79" s="1297"/>
      <c r="K79" s="1300"/>
      <c r="L79" s="1300"/>
      <c r="M79" s="1300"/>
      <c r="N79" s="1300"/>
      <c r="AN79" s="1292"/>
      <c r="AO79" s="1292"/>
      <c r="AP79" s="1292"/>
      <c r="AQ79" s="1292"/>
      <c r="AR79" s="1292"/>
      <c r="AS79" s="1292"/>
      <c r="AT79" s="1292"/>
      <c r="AU79" s="1292"/>
      <c r="AV79" s="1292"/>
      <c r="AW79" s="1292"/>
      <c r="AX79" s="1292"/>
      <c r="AY79" s="1292"/>
      <c r="AZ79" s="1292"/>
      <c r="BA79" s="1292"/>
      <c r="BB79" s="1295" t="s">
        <v>612</v>
      </c>
      <c r="BC79" s="1295"/>
      <c r="BD79" s="1295"/>
      <c r="BE79" s="1295"/>
      <c r="BF79" s="1295"/>
      <c r="BG79" s="1295"/>
      <c r="BH79" s="1295"/>
      <c r="BI79" s="1295"/>
      <c r="BJ79" s="1295"/>
      <c r="BK79" s="1295"/>
      <c r="BL79" s="1295"/>
      <c r="BM79" s="1295"/>
      <c r="BN79" s="1295"/>
      <c r="BO79" s="1295"/>
      <c r="BP79" s="1293">
        <v>3.6</v>
      </c>
      <c r="BQ79" s="1293"/>
      <c r="BR79" s="1293"/>
      <c r="BS79" s="1293"/>
      <c r="BT79" s="1293"/>
      <c r="BU79" s="1293"/>
      <c r="BV79" s="1293"/>
      <c r="BW79" s="1293"/>
      <c r="BX79" s="1293">
        <v>3.5</v>
      </c>
      <c r="BY79" s="1293"/>
      <c r="BZ79" s="1293"/>
      <c r="CA79" s="1293"/>
      <c r="CB79" s="1293"/>
      <c r="CC79" s="1293"/>
      <c r="CD79" s="1293"/>
      <c r="CE79" s="1293"/>
      <c r="CF79" s="1293">
        <v>3.5</v>
      </c>
      <c r="CG79" s="1293"/>
      <c r="CH79" s="1293"/>
      <c r="CI79" s="1293"/>
      <c r="CJ79" s="1293"/>
      <c r="CK79" s="1293"/>
      <c r="CL79" s="1293"/>
      <c r="CM79" s="1293"/>
      <c r="CN79" s="1293">
        <v>3.4</v>
      </c>
      <c r="CO79" s="1293"/>
      <c r="CP79" s="1293"/>
      <c r="CQ79" s="1293"/>
      <c r="CR79" s="1293"/>
      <c r="CS79" s="1293"/>
      <c r="CT79" s="1293"/>
      <c r="CU79" s="1293"/>
      <c r="CV79" s="1293">
        <v>3.6</v>
      </c>
      <c r="CW79" s="1293"/>
      <c r="CX79" s="1293"/>
      <c r="CY79" s="1293"/>
      <c r="CZ79" s="1293"/>
      <c r="DA79" s="1293"/>
      <c r="DB79" s="1293"/>
      <c r="DC79" s="1293"/>
    </row>
    <row r="80" spans="2:107" ht="13.2" x14ac:dyDescent="0.2">
      <c r="B80" s="376"/>
      <c r="G80" s="1288"/>
      <c r="H80" s="1288"/>
      <c r="I80" s="1297"/>
      <c r="J80" s="1297"/>
      <c r="K80" s="1300"/>
      <c r="L80" s="1300"/>
      <c r="M80" s="1300"/>
      <c r="N80" s="1300"/>
      <c r="AN80" s="1292"/>
      <c r="AO80" s="1292"/>
      <c r="AP80" s="1292"/>
      <c r="AQ80" s="1292"/>
      <c r="AR80" s="1292"/>
      <c r="AS80" s="1292"/>
      <c r="AT80" s="1292"/>
      <c r="AU80" s="1292"/>
      <c r="AV80" s="1292"/>
      <c r="AW80" s="1292"/>
      <c r="AX80" s="1292"/>
      <c r="AY80" s="1292"/>
      <c r="AZ80" s="1292"/>
      <c r="BA80" s="1292"/>
      <c r="BB80" s="1295"/>
      <c r="BC80" s="1295"/>
      <c r="BD80" s="1295"/>
      <c r="BE80" s="1295"/>
      <c r="BF80" s="1295"/>
      <c r="BG80" s="1295"/>
      <c r="BH80" s="1295"/>
      <c r="BI80" s="1295"/>
      <c r="BJ80" s="1295"/>
      <c r="BK80" s="1295"/>
      <c r="BL80" s="1295"/>
      <c r="BM80" s="1295"/>
      <c r="BN80" s="1295"/>
      <c r="BO80" s="1295"/>
      <c r="BP80" s="1293"/>
      <c r="BQ80" s="1293"/>
      <c r="BR80" s="1293"/>
      <c r="BS80" s="1293"/>
      <c r="BT80" s="1293"/>
      <c r="BU80" s="1293"/>
      <c r="BV80" s="1293"/>
      <c r="BW80" s="1293"/>
      <c r="BX80" s="1293"/>
      <c r="BY80" s="1293"/>
      <c r="BZ80" s="1293"/>
      <c r="CA80" s="1293"/>
      <c r="CB80" s="1293"/>
      <c r="CC80" s="1293"/>
      <c r="CD80" s="1293"/>
      <c r="CE80" s="1293"/>
      <c r="CF80" s="1293"/>
      <c r="CG80" s="1293"/>
      <c r="CH80" s="1293"/>
      <c r="CI80" s="1293"/>
      <c r="CJ80" s="1293"/>
      <c r="CK80" s="1293"/>
      <c r="CL80" s="1293"/>
      <c r="CM80" s="1293"/>
      <c r="CN80" s="1293"/>
      <c r="CO80" s="1293"/>
      <c r="CP80" s="1293"/>
      <c r="CQ80" s="1293"/>
      <c r="CR80" s="1293"/>
      <c r="CS80" s="1293"/>
      <c r="CT80" s="1293"/>
      <c r="CU80" s="1293"/>
      <c r="CV80" s="1293"/>
      <c r="CW80" s="1293"/>
      <c r="CX80" s="1293"/>
      <c r="CY80" s="1293"/>
      <c r="CZ80" s="1293"/>
      <c r="DA80" s="1293"/>
      <c r="DB80" s="1293"/>
      <c r="DC80" s="1293"/>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i+ZJVEJ4xwsLsOeFzenhU60vAqRmnCyvTVaUAhwtCgnx3yreTUsW/NuXtlPTKEnC+iRRbtczuJ9N6Gdl7xdxMQ==" saltValue="aCDbWcbpDsESIXi97Pfgp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9</v>
      </c>
    </row>
  </sheetData>
  <sheetProtection algorithmName="SHA-512" hashValue="6/IYv1emfcJjwTs8b+5mQpKfhxRvSY6dXYEKsaaxDXQ2K6/uuR4jTS+V+X6HgEAsviYEe0VqTHYj7lhOB1sY1Q==" saltValue="0W88hOGsz/5InxV7HfiT2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9</v>
      </c>
    </row>
  </sheetData>
  <sheetProtection algorithmName="SHA-512" hashValue="3WyO3RhACPVPfHxRmPDu4lkK/8kjc7R8ZSdWukdLAICtNbjMULwCMH8nBnZqB+uqvYbOIyJzAdYmC5NKVznVQA==" saltValue="qe+I70vaAS4xNlx25TT5+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9</v>
      </c>
      <c r="G2" s="148"/>
      <c r="H2" s="149"/>
    </row>
    <row r="3" spans="1:8" x14ac:dyDescent="0.2">
      <c r="A3" s="145" t="s">
        <v>552</v>
      </c>
      <c r="B3" s="150"/>
      <c r="C3" s="151"/>
      <c r="D3" s="152">
        <v>38904</v>
      </c>
      <c r="E3" s="153"/>
      <c r="F3" s="154">
        <v>41080</v>
      </c>
      <c r="G3" s="155"/>
      <c r="H3" s="156"/>
    </row>
    <row r="4" spans="1:8" x14ac:dyDescent="0.2">
      <c r="A4" s="157"/>
      <c r="B4" s="158"/>
      <c r="C4" s="159"/>
      <c r="D4" s="160">
        <v>32420</v>
      </c>
      <c r="E4" s="161"/>
      <c r="F4" s="162">
        <v>27265</v>
      </c>
      <c r="G4" s="163"/>
      <c r="H4" s="164"/>
    </row>
    <row r="5" spans="1:8" x14ac:dyDescent="0.2">
      <c r="A5" s="145" t="s">
        <v>554</v>
      </c>
      <c r="B5" s="150"/>
      <c r="C5" s="151"/>
      <c r="D5" s="152">
        <v>26532</v>
      </c>
      <c r="E5" s="153"/>
      <c r="F5" s="154">
        <v>33173</v>
      </c>
      <c r="G5" s="155"/>
      <c r="H5" s="156"/>
    </row>
    <row r="6" spans="1:8" x14ac:dyDescent="0.2">
      <c r="A6" s="157"/>
      <c r="B6" s="158"/>
      <c r="C6" s="159"/>
      <c r="D6" s="160">
        <v>18821</v>
      </c>
      <c r="E6" s="161"/>
      <c r="F6" s="162">
        <v>20353</v>
      </c>
      <c r="G6" s="163"/>
      <c r="H6" s="164"/>
    </row>
    <row r="7" spans="1:8" x14ac:dyDescent="0.2">
      <c r="A7" s="145" t="s">
        <v>555</v>
      </c>
      <c r="B7" s="150"/>
      <c r="C7" s="151"/>
      <c r="D7" s="152">
        <v>25558</v>
      </c>
      <c r="E7" s="153"/>
      <c r="F7" s="154">
        <v>37644</v>
      </c>
      <c r="G7" s="155"/>
      <c r="H7" s="156"/>
    </row>
    <row r="8" spans="1:8" x14ac:dyDescent="0.2">
      <c r="A8" s="157"/>
      <c r="B8" s="158"/>
      <c r="C8" s="159"/>
      <c r="D8" s="160">
        <v>14655</v>
      </c>
      <c r="E8" s="161"/>
      <c r="F8" s="162">
        <v>24939</v>
      </c>
      <c r="G8" s="163"/>
      <c r="H8" s="164"/>
    </row>
    <row r="9" spans="1:8" x14ac:dyDescent="0.2">
      <c r="A9" s="145" t="s">
        <v>556</v>
      </c>
      <c r="B9" s="150"/>
      <c r="C9" s="151"/>
      <c r="D9" s="152">
        <v>27672</v>
      </c>
      <c r="E9" s="153"/>
      <c r="F9" s="154">
        <v>39221</v>
      </c>
      <c r="G9" s="155"/>
      <c r="H9" s="156"/>
    </row>
    <row r="10" spans="1:8" x14ac:dyDescent="0.2">
      <c r="A10" s="157"/>
      <c r="B10" s="158"/>
      <c r="C10" s="159"/>
      <c r="D10" s="160">
        <v>19750</v>
      </c>
      <c r="E10" s="161"/>
      <c r="F10" s="162">
        <v>24821</v>
      </c>
      <c r="G10" s="163"/>
      <c r="H10" s="164"/>
    </row>
    <row r="11" spans="1:8" x14ac:dyDescent="0.2">
      <c r="A11" s="145" t="s">
        <v>557</v>
      </c>
      <c r="B11" s="150"/>
      <c r="C11" s="151"/>
      <c r="D11" s="152">
        <v>14199</v>
      </c>
      <c r="E11" s="153"/>
      <c r="F11" s="154">
        <v>38566</v>
      </c>
      <c r="G11" s="155"/>
      <c r="H11" s="156"/>
    </row>
    <row r="12" spans="1:8" x14ac:dyDescent="0.2">
      <c r="A12" s="157"/>
      <c r="B12" s="158"/>
      <c r="C12" s="165"/>
      <c r="D12" s="160">
        <v>11095</v>
      </c>
      <c r="E12" s="161"/>
      <c r="F12" s="162">
        <v>24059</v>
      </c>
      <c r="G12" s="163"/>
      <c r="H12" s="164"/>
    </row>
    <row r="13" spans="1:8" x14ac:dyDescent="0.2">
      <c r="A13" s="145"/>
      <c r="B13" s="150"/>
      <c r="C13" s="166"/>
      <c r="D13" s="167">
        <v>26573</v>
      </c>
      <c r="E13" s="168"/>
      <c r="F13" s="169">
        <v>37937</v>
      </c>
      <c r="G13" s="170"/>
      <c r="H13" s="156"/>
    </row>
    <row r="14" spans="1:8" x14ac:dyDescent="0.2">
      <c r="A14" s="157"/>
      <c r="B14" s="158"/>
      <c r="C14" s="159"/>
      <c r="D14" s="160">
        <v>19348</v>
      </c>
      <c r="E14" s="161"/>
      <c r="F14" s="162">
        <v>24287</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4.3099999999999996</v>
      </c>
      <c r="C19" s="171">
        <f>ROUND(VALUE(SUBSTITUTE(実質収支比率等に係る経年分析!G$48,"▲","-")),2)</f>
        <v>4.6100000000000003</v>
      </c>
      <c r="D19" s="171">
        <f>ROUND(VALUE(SUBSTITUTE(実質収支比率等に係る経年分析!H$48,"▲","-")),2)</f>
        <v>7.2</v>
      </c>
      <c r="E19" s="171">
        <f>ROUND(VALUE(SUBSTITUTE(実質収支比率等に係る経年分析!I$48,"▲","-")),2)</f>
        <v>8.57</v>
      </c>
      <c r="F19" s="171">
        <f>ROUND(VALUE(SUBSTITUTE(実質収支比率等に係る経年分析!J$48,"▲","-")),2)</f>
        <v>12.48</v>
      </c>
    </row>
    <row r="20" spans="1:11" x14ac:dyDescent="0.2">
      <c r="A20" s="171" t="s">
        <v>55</v>
      </c>
      <c r="B20" s="171">
        <f>ROUND(VALUE(SUBSTITUTE(実質収支比率等に係る経年分析!F$47,"▲","-")),2)</f>
        <v>16.34</v>
      </c>
      <c r="C20" s="171">
        <f>ROUND(VALUE(SUBSTITUTE(実質収支比率等に係る経年分析!G$47,"▲","-")),2)</f>
        <v>15.8</v>
      </c>
      <c r="D20" s="171">
        <f>ROUND(VALUE(SUBSTITUTE(実質収支比率等に係る経年分析!H$47,"▲","-")),2)</f>
        <v>12.05</v>
      </c>
      <c r="E20" s="171">
        <f>ROUND(VALUE(SUBSTITUTE(実質収支比率等に係る経年分析!I$47,"▲","-")),2)</f>
        <v>12.8</v>
      </c>
      <c r="F20" s="171">
        <f>ROUND(VALUE(SUBSTITUTE(実質収支比率等に係る経年分析!J$47,"▲","-")),2)</f>
        <v>16.559999999999999</v>
      </c>
    </row>
    <row r="21" spans="1:11" x14ac:dyDescent="0.2">
      <c r="A21" s="171" t="s">
        <v>56</v>
      </c>
      <c r="B21" s="171">
        <f>IF(ISNUMBER(VALUE(SUBSTITUTE(実質収支比率等に係る経年分析!F$49,"▲","-"))),ROUND(VALUE(SUBSTITUTE(実質収支比率等に係る経年分析!F$49,"▲","-")),2),NA())</f>
        <v>-0.94</v>
      </c>
      <c r="C21" s="171">
        <f>IF(ISNUMBER(VALUE(SUBSTITUTE(実質収支比率等に係る経年分析!G$49,"▲","-"))),ROUND(VALUE(SUBSTITUTE(実質収支比率等に係る経年分析!G$49,"▲","-")),2),NA())</f>
        <v>-0.06</v>
      </c>
      <c r="D21" s="171">
        <f>IF(ISNUMBER(VALUE(SUBSTITUTE(実質収支比率等に係る経年分析!H$49,"▲","-"))),ROUND(VALUE(SUBSTITUTE(実質収支比率等に係る経年分析!H$49,"▲","-")),2),NA())</f>
        <v>-1.07</v>
      </c>
      <c r="E21" s="171">
        <f>IF(ISNUMBER(VALUE(SUBSTITUTE(実質収支比率等に係る経年分析!I$49,"▲","-"))),ROUND(VALUE(SUBSTITUTE(実質収支比率等に係る経年分析!I$49,"▲","-")),2),NA())</f>
        <v>2.93</v>
      </c>
      <c r="F21" s="171">
        <f>IF(ISNUMBER(VALUE(SUBSTITUTE(実質収支比率等に係る経年分析!J$49,"▲","-"))),ROUND(VALUE(SUBSTITUTE(実質収支比率等に係る経年分析!J$49,"▲","-")),2),NA())</f>
        <v>7.04</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36</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59</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str">
        <f>IF(連結実質赤字比率に係る赤字・黒字の構成分析!C$40="",NA(),連結実質赤字比率に係る赤字・黒字の構成分析!C$40)</f>
        <v>公共用地先行取得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v>
      </c>
    </row>
    <row r="31" spans="1:11" x14ac:dyDescent="0.2">
      <c r="A31" s="172" t="str">
        <f>IF(連結実質赤字比率に係る赤字・黒字の構成分析!C$39="",NA(),連結実質赤字比率に係る赤字・黒字の構成分析!C$39)</f>
        <v>大船駅東口市街地再開発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01</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v>
      </c>
    </row>
    <row r="32" spans="1:11" x14ac:dyDescent="0.2">
      <c r="A32" s="172" t="str">
        <f>IF(連結実質赤字比率に係る赤字・黒字の構成分析!C$38="",NA(),連結実質赤字比率に係る赤字・黒字の構成分析!C$38)</f>
        <v>後期高齢者医療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1</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13</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11</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13</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15</v>
      </c>
    </row>
    <row r="33" spans="1:16" x14ac:dyDescent="0.2">
      <c r="A33" s="172" t="str">
        <f>IF(連結実質赤字比率に係る赤字・黒字の構成分析!C$37="",NA(),連結実質赤字比率に係る赤字・黒字の構成分析!C$37)</f>
        <v>国民健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2.46</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38</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24</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07</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65</v>
      </c>
    </row>
    <row r="34" spans="1:16" x14ac:dyDescent="0.2">
      <c r="A34" s="172" t="str">
        <f>IF(連結実質赤字比率に係る赤字・黒字の構成分析!C$36="",NA(),連結実質赤字比率に係る赤字・黒字の構成分析!C$36)</f>
        <v>下水道事業会計</v>
      </c>
      <c r="B34" s="172" t="e">
        <f>IF(ROUND(VALUE(SUBSTITUTE(連結実質赤字比率に係る赤字・黒字の構成分析!F$36,"▲", "-")), 2) &lt; 0, ABS(ROUND(VALUE(SUBSTITUTE(連結実質赤字比率に係る赤字・黒字の構成分析!F$36,"▲", "-")), 2)), NA())</f>
        <v>#VALUE!</v>
      </c>
      <c r="C34" s="172" t="e">
        <f>IF(ROUND(VALUE(SUBSTITUTE(連結実質赤字比率に係る赤字・黒字の構成分析!F$36,"▲", "-")), 2) &gt;= 0, ABS(ROUND(VALUE(SUBSTITUTE(連結実質赤字比率に係る赤字・黒字の構成分析!F$36,"▲", "-")), 2)), NA())</f>
        <v>#VALUE!</v>
      </c>
      <c r="D34" s="172" t="e">
        <f>IF(ROUND(VALUE(SUBSTITUTE(連結実質赤字比率に係る赤字・黒字の構成分析!G$36,"▲", "-")), 2) &lt; 0, ABS(ROUND(VALUE(SUBSTITUTE(連結実質赤字比率に係る赤字・黒字の構成分析!G$36,"▲", "-")), 2)), NA())</f>
        <v>#VALUE!</v>
      </c>
      <c r="E34" s="172" t="e">
        <f>IF(ROUND(VALUE(SUBSTITUTE(連結実質赤字比率に係る赤字・黒字の構成分析!G$36,"▲", "-")), 2) &gt;= 0, ABS(ROUND(VALUE(SUBSTITUTE(連結実質赤字比率に係る赤字・黒字の構成分析!G$36,"▲", "-")), 2)), NA())</f>
        <v>#VALUE!</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73</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1.19</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28</v>
      </c>
    </row>
    <row r="35" spans="1:16" x14ac:dyDescent="0.2">
      <c r="A35" s="172" t="str">
        <f>IF(連結実質赤字比率に係る赤字・黒字の構成分析!C$35="",NA(),連結実質赤字比率に係る赤字・黒字の構成分析!C$35)</f>
        <v>介護保険事業特別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1.45</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2.0099999999999998</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0.61</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0.87</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1.4</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4.26</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4.5599999999999996</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7.15</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8.56</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2.47</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6352</v>
      </c>
      <c r="E42" s="173"/>
      <c r="F42" s="173"/>
      <c r="G42" s="173">
        <f>'実質公債費比率（分子）の構造'!L$52</f>
        <v>6160</v>
      </c>
      <c r="H42" s="173"/>
      <c r="I42" s="173"/>
      <c r="J42" s="173">
        <f>'実質公債費比率（分子）の構造'!M$52</f>
        <v>6310</v>
      </c>
      <c r="K42" s="173"/>
      <c r="L42" s="173"/>
      <c r="M42" s="173">
        <f>'実質公債費比率（分子）の構造'!N$52</f>
        <v>5836</v>
      </c>
      <c r="N42" s="173"/>
      <c r="O42" s="173"/>
      <c r="P42" s="173">
        <f>'実質公債費比率（分子）の構造'!O$52</f>
        <v>5946</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84</v>
      </c>
      <c r="C44" s="173"/>
      <c r="D44" s="173"/>
      <c r="E44" s="173">
        <f>'実質公債費比率（分子）の構造'!L$50</f>
        <v>84</v>
      </c>
      <c r="F44" s="173"/>
      <c r="G44" s="173"/>
      <c r="H44" s="173">
        <f>'実質公債費比率（分子）の構造'!M$50</f>
        <v>119</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2104</v>
      </c>
      <c r="C46" s="173"/>
      <c r="D46" s="173"/>
      <c r="E46" s="173">
        <f>'実質公債費比率（分子）の構造'!L$48</f>
        <v>2056</v>
      </c>
      <c r="F46" s="173"/>
      <c r="G46" s="173"/>
      <c r="H46" s="173">
        <f>'実質公債費比率（分子）の構造'!M$48</f>
        <v>2187</v>
      </c>
      <c r="I46" s="173"/>
      <c r="J46" s="173"/>
      <c r="K46" s="173">
        <f>'実質公債費比率（分子）の構造'!N$48</f>
        <v>1924</v>
      </c>
      <c r="L46" s="173"/>
      <c r="M46" s="173"/>
      <c r="N46" s="173">
        <f>'実質公債費比率（分子）の構造'!O$48</f>
        <v>1916</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4268</v>
      </c>
      <c r="C49" s="173"/>
      <c r="D49" s="173"/>
      <c r="E49" s="173">
        <f>'実質公債費比率（分子）の構造'!L$45</f>
        <v>4257</v>
      </c>
      <c r="F49" s="173"/>
      <c r="G49" s="173"/>
      <c r="H49" s="173">
        <f>'実質公債費比率（分子）の構造'!M$45</f>
        <v>4476</v>
      </c>
      <c r="I49" s="173"/>
      <c r="J49" s="173"/>
      <c r="K49" s="173">
        <f>'実質公債費比率（分子）の構造'!N$45</f>
        <v>4359</v>
      </c>
      <c r="L49" s="173"/>
      <c r="M49" s="173"/>
      <c r="N49" s="173">
        <f>'実質公債費比率（分子）の構造'!O$45</f>
        <v>4230</v>
      </c>
      <c r="O49" s="173"/>
      <c r="P49" s="173"/>
    </row>
    <row r="50" spans="1:16" x14ac:dyDescent="0.2">
      <c r="A50" s="173" t="s">
        <v>71</v>
      </c>
      <c r="B50" s="173" t="e">
        <f>NA()</f>
        <v>#N/A</v>
      </c>
      <c r="C50" s="173">
        <f>IF(ISNUMBER('実質公債費比率（分子）の構造'!K$53),'実質公債費比率（分子）の構造'!K$53,NA())</f>
        <v>104</v>
      </c>
      <c r="D50" s="173" t="e">
        <f>NA()</f>
        <v>#N/A</v>
      </c>
      <c r="E50" s="173" t="e">
        <f>NA()</f>
        <v>#N/A</v>
      </c>
      <c r="F50" s="173">
        <f>IF(ISNUMBER('実質公債費比率（分子）の構造'!L$53),'実質公債費比率（分子）の構造'!L$53,NA())</f>
        <v>237</v>
      </c>
      <c r="G50" s="173" t="e">
        <f>NA()</f>
        <v>#N/A</v>
      </c>
      <c r="H50" s="173" t="e">
        <f>NA()</f>
        <v>#N/A</v>
      </c>
      <c r="I50" s="173">
        <f>IF(ISNUMBER('実質公債費比率（分子）の構造'!M$53),'実質公債費比率（分子）の構造'!M$53,NA())</f>
        <v>472</v>
      </c>
      <c r="J50" s="173" t="e">
        <f>NA()</f>
        <v>#N/A</v>
      </c>
      <c r="K50" s="173" t="e">
        <f>NA()</f>
        <v>#N/A</v>
      </c>
      <c r="L50" s="173">
        <f>IF(ISNUMBER('実質公債費比率（分子）の構造'!N$53),'実質公債費比率（分子）の構造'!N$53,NA())</f>
        <v>447</v>
      </c>
      <c r="M50" s="173" t="e">
        <f>NA()</f>
        <v>#N/A</v>
      </c>
      <c r="N50" s="173" t="e">
        <f>NA()</f>
        <v>#N/A</v>
      </c>
      <c r="O50" s="173">
        <f>IF(ISNUMBER('実質公債費比率（分子）の構造'!O$53),'実質公債費比率（分子）の構造'!O$53,NA())</f>
        <v>200</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35554</v>
      </c>
      <c r="E56" s="172"/>
      <c r="F56" s="172"/>
      <c r="G56" s="172">
        <f>'将来負担比率（分子）の構造'!J$52</f>
        <v>33134</v>
      </c>
      <c r="H56" s="172"/>
      <c r="I56" s="172"/>
      <c r="J56" s="172">
        <f>'将来負担比率（分子）の構造'!K$52</f>
        <v>30921</v>
      </c>
      <c r="K56" s="172"/>
      <c r="L56" s="172"/>
      <c r="M56" s="172">
        <f>'将来負担比率（分子）の構造'!L$52</f>
        <v>28855</v>
      </c>
      <c r="N56" s="172"/>
      <c r="O56" s="172"/>
      <c r="P56" s="172">
        <f>'将来負担比率（分子）の構造'!M$52</f>
        <v>25994</v>
      </c>
    </row>
    <row r="57" spans="1:16" x14ac:dyDescent="0.2">
      <c r="A57" s="172" t="s">
        <v>42</v>
      </c>
      <c r="B57" s="172"/>
      <c r="C57" s="172"/>
      <c r="D57" s="172">
        <f>'将来負担比率（分子）の構造'!I$51</f>
        <v>35106</v>
      </c>
      <c r="E57" s="172"/>
      <c r="F57" s="172"/>
      <c r="G57" s="172">
        <f>'将来負担比率（分子）の構造'!J$51</f>
        <v>35018</v>
      </c>
      <c r="H57" s="172"/>
      <c r="I57" s="172"/>
      <c r="J57" s="172">
        <f>'将来負担比率（分子）の構造'!K$51</f>
        <v>36413</v>
      </c>
      <c r="K57" s="172"/>
      <c r="L57" s="172"/>
      <c r="M57" s="172">
        <f>'将来負担比率（分子）の構造'!L$51</f>
        <v>34493</v>
      </c>
      <c r="N57" s="172"/>
      <c r="O57" s="172"/>
      <c r="P57" s="172">
        <f>'将来負担比率（分子）の構造'!M$51</f>
        <v>32790</v>
      </c>
    </row>
    <row r="58" spans="1:16" x14ac:dyDescent="0.2">
      <c r="A58" s="172" t="s">
        <v>41</v>
      </c>
      <c r="B58" s="172"/>
      <c r="C58" s="172"/>
      <c r="D58" s="172">
        <f>'将来負担比率（分子）の構造'!I$50</f>
        <v>11401</v>
      </c>
      <c r="E58" s="172"/>
      <c r="F58" s="172"/>
      <c r="G58" s="172">
        <f>'将来負担比率（分子）の構造'!J$50</f>
        <v>12331</v>
      </c>
      <c r="H58" s="172"/>
      <c r="I58" s="172"/>
      <c r="J58" s="172">
        <f>'将来負担比率（分子）の構造'!K$50</f>
        <v>11767</v>
      </c>
      <c r="K58" s="172"/>
      <c r="L58" s="172"/>
      <c r="M58" s="172">
        <f>'将来負担比率（分子）の構造'!L$50</f>
        <v>12517</v>
      </c>
      <c r="N58" s="172"/>
      <c r="O58" s="172"/>
      <c r="P58" s="172">
        <f>'将来負担比率（分子）の構造'!M$50</f>
        <v>14891</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9211</v>
      </c>
      <c r="C62" s="172"/>
      <c r="D62" s="172"/>
      <c r="E62" s="172">
        <f>'将来負担比率（分子）の構造'!J$45</f>
        <v>8776</v>
      </c>
      <c r="F62" s="172"/>
      <c r="G62" s="172"/>
      <c r="H62" s="172">
        <f>'将来負担比率（分子）の構造'!K$45</f>
        <v>8254</v>
      </c>
      <c r="I62" s="172"/>
      <c r="J62" s="172"/>
      <c r="K62" s="172">
        <f>'将来負担比率（分子）の構造'!L$45</f>
        <v>8174</v>
      </c>
      <c r="L62" s="172"/>
      <c r="M62" s="172"/>
      <c r="N62" s="172">
        <f>'将来負担比率（分子）の構造'!M$45</f>
        <v>7606</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26382</v>
      </c>
      <c r="C64" s="172"/>
      <c r="D64" s="172"/>
      <c r="E64" s="172">
        <f>'将来負担比率（分子）の構造'!J$43</f>
        <v>25422</v>
      </c>
      <c r="F64" s="172"/>
      <c r="G64" s="172"/>
      <c r="H64" s="172">
        <f>'将来負担比率（分子）の構造'!K$43</f>
        <v>24032</v>
      </c>
      <c r="I64" s="172"/>
      <c r="J64" s="172"/>
      <c r="K64" s="172">
        <f>'将来負担比率（分子）の構造'!L$43</f>
        <v>22602</v>
      </c>
      <c r="L64" s="172"/>
      <c r="M64" s="172"/>
      <c r="N64" s="172">
        <f>'将来負担比率（分子）の構造'!M$43</f>
        <v>21397</v>
      </c>
      <c r="O64" s="172"/>
      <c r="P64" s="172"/>
    </row>
    <row r="65" spans="1:16" x14ac:dyDescent="0.2">
      <c r="A65" s="172" t="s">
        <v>32</v>
      </c>
      <c r="B65" s="172">
        <f>'将来負担比率（分子）の構造'!I$42</f>
        <v>3856</v>
      </c>
      <c r="C65" s="172"/>
      <c r="D65" s="172"/>
      <c r="E65" s="172">
        <f>'将来負担比率（分子）の構造'!J$42</f>
        <v>283</v>
      </c>
      <c r="F65" s="172"/>
      <c r="G65" s="172"/>
      <c r="H65" s="172">
        <f>'将来負担比率（分子）の構造'!K$42</f>
        <v>3527</v>
      </c>
      <c r="I65" s="172"/>
      <c r="J65" s="172"/>
      <c r="K65" s="172">
        <f>'将来負担比率（分子）の構造'!L$42</f>
        <v>3426</v>
      </c>
      <c r="L65" s="172"/>
      <c r="M65" s="172"/>
      <c r="N65" s="172">
        <f>'将来負担比率（分子）の構造'!M$42</f>
        <v>3426</v>
      </c>
      <c r="O65" s="172"/>
      <c r="P65" s="172"/>
    </row>
    <row r="66" spans="1:16" x14ac:dyDescent="0.2">
      <c r="A66" s="172" t="s">
        <v>31</v>
      </c>
      <c r="B66" s="172">
        <f>'将来負担比率（分子）の構造'!I$41</f>
        <v>39734</v>
      </c>
      <c r="C66" s="172"/>
      <c r="D66" s="172"/>
      <c r="E66" s="172">
        <f>'将来負担比率（分子）の構造'!J$41</f>
        <v>38075</v>
      </c>
      <c r="F66" s="172"/>
      <c r="G66" s="172"/>
      <c r="H66" s="172">
        <f>'将来負担比率（分子）の構造'!K$41</f>
        <v>35945</v>
      </c>
      <c r="I66" s="172"/>
      <c r="J66" s="172"/>
      <c r="K66" s="172">
        <f>'将来負担比率（分子）の構造'!L$41</f>
        <v>34723</v>
      </c>
      <c r="L66" s="172"/>
      <c r="M66" s="172"/>
      <c r="N66" s="172">
        <f>'将来負担比率（分子）の構造'!M$41</f>
        <v>31933</v>
      </c>
      <c r="O66" s="172"/>
      <c r="P66" s="172"/>
    </row>
    <row r="67" spans="1:16" x14ac:dyDescent="0.2">
      <c r="A67" s="172" t="s">
        <v>75</v>
      </c>
      <c r="B67" s="172" t="e">
        <f>NA()</f>
        <v>#N/A</v>
      </c>
      <c r="C67" s="172">
        <f>IF(ISNUMBER('将来負担比率（分子）の構造'!I$53), IF('将来負担比率（分子）の構造'!I$53 &lt; 0, 0, '将来負担比率（分子）の構造'!I$53), NA())</f>
        <v>0</v>
      </c>
      <c r="D67" s="172" t="e">
        <f>NA()</f>
        <v>#N/A</v>
      </c>
      <c r="E67" s="172" t="e">
        <f>NA()</f>
        <v>#N/A</v>
      </c>
      <c r="F67" s="172">
        <f>IF(ISNUMBER('将来負担比率（分子）の構造'!J$53), IF('将来負担比率（分子）の構造'!J$53 &lt; 0, 0, '将来負担比率（分子）の構造'!J$53), NA())</f>
        <v>0</v>
      </c>
      <c r="G67" s="172" t="e">
        <f>NA()</f>
        <v>#N/A</v>
      </c>
      <c r="H67" s="172" t="e">
        <f>NA()</f>
        <v>#N/A</v>
      </c>
      <c r="I67" s="172">
        <f>IF(ISNUMBER('将来負担比率（分子）の構造'!K$53), IF('将来負担比率（分子）の構造'!K$53 &lt; 0, 0, '将来負担比率（分子）の構造'!K$53), NA())</f>
        <v>0</v>
      </c>
      <c r="J67" s="172" t="e">
        <f>NA()</f>
        <v>#N/A</v>
      </c>
      <c r="K67" s="172" t="e">
        <f>NA()</f>
        <v>#N/A</v>
      </c>
      <c r="L67" s="172">
        <f>IF(ISNUMBER('将来負担比率（分子）の構造'!L$53), IF('将来負担比率（分子）の構造'!L$53 &lt; 0, 0, '将来負担比率（分子）の構造'!L$53), NA())</f>
        <v>0</v>
      </c>
      <c r="M67" s="172" t="e">
        <f>NA()</f>
        <v>#N/A</v>
      </c>
      <c r="N67" s="172" t="e">
        <f>NA()</f>
        <v>#N/A</v>
      </c>
      <c r="O67" s="172">
        <f>IF(ISNUMBER('将来負担比率（分子）の構造'!M$53), IF('将来負担比率（分子）の構造'!M$53 &lt; 0, 0, '将来負担比率（分子）の構造'!M$53), NA())</f>
        <v>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4362</v>
      </c>
      <c r="C72" s="176">
        <f>基金残高に係る経年分析!G55</f>
        <v>4815</v>
      </c>
      <c r="D72" s="176">
        <f>基金残高に係る経年分析!H55</f>
        <v>6049</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5379</v>
      </c>
      <c r="C74" s="176">
        <f>基金残高に係る経年分析!G57</f>
        <v>5411</v>
      </c>
      <c r="D74" s="176">
        <f>基金残高に係る経年分析!H57</f>
        <v>6186</v>
      </c>
    </row>
  </sheetData>
  <sheetProtection algorithmName="SHA-512" hashValue="jdFfB7ZTPwl59Rf+Dz84PHwLkGgQJjK3U2BkWQP5bEkPYog+ReF1x+ownL8BRToG3qVypqf7zWbjTy0gi1+dUQ==" saltValue="SGixO4EgWNYQijSIPBuSdg==" spinCount="100000" sheet="1" objects="1" scenarios="1"/>
  <phoneticPr fontId="2"/>
  <pageMargins left="0.78700000000000003" right="0.78700000000000003" top="0.98399999999999999" bottom="0.98399999999999999" header="0.51200000000000001" footer="0.51200000000000001"/>
  <pageSetup paperSize="9" orientation="portrait" verticalDpi="0"/>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5</v>
      </c>
      <c r="DI1" s="783"/>
      <c r="DJ1" s="783"/>
      <c r="DK1" s="783"/>
      <c r="DL1" s="783"/>
      <c r="DM1" s="783"/>
      <c r="DN1" s="784"/>
      <c r="DO1" s="212"/>
      <c r="DP1" s="782" t="s">
        <v>216</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7</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8</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9</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20</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21</v>
      </c>
      <c r="S4" s="725"/>
      <c r="T4" s="725"/>
      <c r="U4" s="725"/>
      <c r="V4" s="725"/>
      <c r="W4" s="725"/>
      <c r="X4" s="725"/>
      <c r="Y4" s="726"/>
      <c r="Z4" s="724" t="s">
        <v>222</v>
      </c>
      <c r="AA4" s="725"/>
      <c r="AB4" s="725"/>
      <c r="AC4" s="726"/>
      <c r="AD4" s="724" t="s">
        <v>223</v>
      </c>
      <c r="AE4" s="725"/>
      <c r="AF4" s="725"/>
      <c r="AG4" s="725"/>
      <c r="AH4" s="725"/>
      <c r="AI4" s="725"/>
      <c r="AJ4" s="725"/>
      <c r="AK4" s="726"/>
      <c r="AL4" s="724" t="s">
        <v>222</v>
      </c>
      <c r="AM4" s="725"/>
      <c r="AN4" s="725"/>
      <c r="AO4" s="726"/>
      <c r="AP4" s="785" t="s">
        <v>224</v>
      </c>
      <c r="AQ4" s="785"/>
      <c r="AR4" s="785"/>
      <c r="AS4" s="785"/>
      <c r="AT4" s="785"/>
      <c r="AU4" s="785"/>
      <c r="AV4" s="785"/>
      <c r="AW4" s="785"/>
      <c r="AX4" s="785"/>
      <c r="AY4" s="785"/>
      <c r="AZ4" s="785"/>
      <c r="BA4" s="785"/>
      <c r="BB4" s="785"/>
      <c r="BC4" s="785"/>
      <c r="BD4" s="785"/>
      <c r="BE4" s="785"/>
      <c r="BF4" s="785"/>
      <c r="BG4" s="785" t="s">
        <v>225</v>
      </c>
      <c r="BH4" s="785"/>
      <c r="BI4" s="785"/>
      <c r="BJ4" s="785"/>
      <c r="BK4" s="785"/>
      <c r="BL4" s="785"/>
      <c r="BM4" s="785"/>
      <c r="BN4" s="785"/>
      <c r="BO4" s="785" t="s">
        <v>222</v>
      </c>
      <c r="BP4" s="785"/>
      <c r="BQ4" s="785"/>
      <c r="BR4" s="785"/>
      <c r="BS4" s="785" t="s">
        <v>226</v>
      </c>
      <c r="BT4" s="785"/>
      <c r="BU4" s="785"/>
      <c r="BV4" s="785"/>
      <c r="BW4" s="785"/>
      <c r="BX4" s="785"/>
      <c r="BY4" s="785"/>
      <c r="BZ4" s="785"/>
      <c r="CA4" s="785"/>
      <c r="CB4" s="785"/>
      <c r="CD4" s="767" t="s">
        <v>227</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1" customFormat="1" ht="11.25" customHeight="1" x14ac:dyDescent="0.2">
      <c r="B5" s="731" t="s">
        <v>228</v>
      </c>
      <c r="C5" s="732"/>
      <c r="D5" s="732"/>
      <c r="E5" s="732"/>
      <c r="F5" s="732"/>
      <c r="G5" s="732"/>
      <c r="H5" s="732"/>
      <c r="I5" s="732"/>
      <c r="J5" s="732"/>
      <c r="K5" s="732"/>
      <c r="L5" s="732"/>
      <c r="M5" s="732"/>
      <c r="N5" s="732"/>
      <c r="O5" s="732"/>
      <c r="P5" s="732"/>
      <c r="Q5" s="733"/>
      <c r="R5" s="718">
        <v>36524342</v>
      </c>
      <c r="S5" s="719"/>
      <c r="T5" s="719"/>
      <c r="U5" s="719"/>
      <c r="V5" s="719"/>
      <c r="W5" s="719"/>
      <c r="X5" s="719"/>
      <c r="Y5" s="762"/>
      <c r="Z5" s="780">
        <v>52.3</v>
      </c>
      <c r="AA5" s="780"/>
      <c r="AB5" s="780"/>
      <c r="AC5" s="780"/>
      <c r="AD5" s="781">
        <v>33135076</v>
      </c>
      <c r="AE5" s="781"/>
      <c r="AF5" s="781"/>
      <c r="AG5" s="781"/>
      <c r="AH5" s="781"/>
      <c r="AI5" s="781"/>
      <c r="AJ5" s="781"/>
      <c r="AK5" s="781"/>
      <c r="AL5" s="763">
        <v>85</v>
      </c>
      <c r="AM5" s="736"/>
      <c r="AN5" s="736"/>
      <c r="AO5" s="764"/>
      <c r="AP5" s="731" t="s">
        <v>229</v>
      </c>
      <c r="AQ5" s="732"/>
      <c r="AR5" s="732"/>
      <c r="AS5" s="732"/>
      <c r="AT5" s="732"/>
      <c r="AU5" s="732"/>
      <c r="AV5" s="732"/>
      <c r="AW5" s="732"/>
      <c r="AX5" s="732"/>
      <c r="AY5" s="732"/>
      <c r="AZ5" s="732"/>
      <c r="BA5" s="732"/>
      <c r="BB5" s="732"/>
      <c r="BC5" s="732"/>
      <c r="BD5" s="732"/>
      <c r="BE5" s="732"/>
      <c r="BF5" s="733"/>
      <c r="BG5" s="665">
        <v>33135076</v>
      </c>
      <c r="BH5" s="666"/>
      <c r="BI5" s="666"/>
      <c r="BJ5" s="666"/>
      <c r="BK5" s="666"/>
      <c r="BL5" s="666"/>
      <c r="BM5" s="666"/>
      <c r="BN5" s="667"/>
      <c r="BO5" s="692">
        <v>90.7</v>
      </c>
      <c r="BP5" s="692"/>
      <c r="BQ5" s="692"/>
      <c r="BR5" s="692"/>
      <c r="BS5" s="693">
        <v>292488</v>
      </c>
      <c r="BT5" s="693"/>
      <c r="BU5" s="693"/>
      <c r="BV5" s="693"/>
      <c r="BW5" s="693"/>
      <c r="BX5" s="693"/>
      <c r="BY5" s="693"/>
      <c r="BZ5" s="693"/>
      <c r="CA5" s="693"/>
      <c r="CB5" s="751"/>
      <c r="CD5" s="767" t="s">
        <v>224</v>
      </c>
      <c r="CE5" s="768"/>
      <c r="CF5" s="768"/>
      <c r="CG5" s="768"/>
      <c r="CH5" s="768"/>
      <c r="CI5" s="768"/>
      <c r="CJ5" s="768"/>
      <c r="CK5" s="768"/>
      <c r="CL5" s="768"/>
      <c r="CM5" s="768"/>
      <c r="CN5" s="768"/>
      <c r="CO5" s="768"/>
      <c r="CP5" s="768"/>
      <c r="CQ5" s="769"/>
      <c r="CR5" s="767" t="s">
        <v>230</v>
      </c>
      <c r="CS5" s="768"/>
      <c r="CT5" s="768"/>
      <c r="CU5" s="768"/>
      <c r="CV5" s="768"/>
      <c r="CW5" s="768"/>
      <c r="CX5" s="768"/>
      <c r="CY5" s="769"/>
      <c r="CZ5" s="767" t="s">
        <v>222</v>
      </c>
      <c r="DA5" s="768"/>
      <c r="DB5" s="768"/>
      <c r="DC5" s="769"/>
      <c r="DD5" s="767" t="s">
        <v>231</v>
      </c>
      <c r="DE5" s="768"/>
      <c r="DF5" s="768"/>
      <c r="DG5" s="768"/>
      <c r="DH5" s="768"/>
      <c r="DI5" s="768"/>
      <c r="DJ5" s="768"/>
      <c r="DK5" s="768"/>
      <c r="DL5" s="768"/>
      <c r="DM5" s="768"/>
      <c r="DN5" s="768"/>
      <c r="DO5" s="768"/>
      <c r="DP5" s="769"/>
      <c r="DQ5" s="767" t="s">
        <v>232</v>
      </c>
      <c r="DR5" s="768"/>
      <c r="DS5" s="768"/>
      <c r="DT5" s="768"/>
      <c r="DU5" s="768"/>
      <c r="DV5" s="768"/>
      <c r="DW5" s="768"/>
      <c r="DX5" s="768"/>
      <c r="DY5" s="768"/>
      <c r="DZ5" s="768"/>
      <c r="EA5" s="768"/>
      <c r="EB5" s="768"/>
      <c r="EC5" s="769"/>
    </row>
    <row r="6" spans="2:143" ht="11.25" customHeight="1" x14ac:dyDescent="0.2">
      <c r="B6" s="662" t="s">
        <v>233</v>
      </c>
      <c r="C6" s="663"/>
      <c r="D6" s="663"/>
      <c r="E6" s="663"/>
      <c r="F6" s="663"/>
      <c r="G6" s="663"/>
      <c r="H6" s="663"/>
      <c r="I6" s="663"/>
      <c r="J6" s="663"/>
      <c r="K6" s="663"/>
      <c r="L6" s="663"/>
      <c r="M6" s="663"/>
      <c r="N6" s="663"/>
      <c r="O6" s="663"/>
      <c r="P6" s="663"/>
      <c r="Q6" s="664"/>
      <c r="R6" s="665">
        <v>308056</v>
      </c>
      <c r="S6" s="666"/>
      <c r="T6" s="666"/>
      <c r="U6" s="666"/>
      <c r="V6" s="666"/>
      <c r="W6" s="666"/>
      <c r="X6" s="666"/>
      <c r="Y6" s="667"/>
      <c r="Z6" s="692">
        <v>0.4</v>
      </c>
      <c r="AA6" s="692"/>
      <c r="AB6" s="692"/>
      <c r="AC6" s="692"/>
      <c r="AD6" s="693">
        <v>308056</v>
      </c>
      <c r="AE6" s="693"/>
      <c r="AF6" s="693"/>
      <c r="AG6" s="693"/>
      <c r="AH6" s="693"/>
      <c r="AI6" s="693"/>
      <c r="AJ6" s="693"/>
      <c r="AK6" s="693"/>
      <c r="AL6" s="668">
        <v>0.8</v>
      </c>
      <c r="AM6" s="669"/>
      <c r="AN6" s="669"/>
      <c r="AO6" s="694"/>
      <c r="AP6" s="662" t="s">
        <v>234</v>
      </c>
      <c r="AQ6" s="663"/>
      <c r="AR6" s="663"/>
      <c r="AS6" s="663"/>
      <c r="AT6" s="663"/>
      <c r="AU6" s="663"/>
      <c r="AV6" s="663"/>
      <c r="AW6" s="663"/>
      <c r="AX6" s="663"/>
      <c r="AY6" s="663"/>
      <c r="AZ6" s="663"/>
      <c r="BA6" s="663"/>
      <c r="BB6" s="663"/>
      <c r="BC6" s="663"/>
      <c r="BD6" s="663"/>
      <c r="BE6" s="663"/>
      <c r="BF6" s="664"/>
      <c r="BG6" s="665">
        <v>33135076</v>
      </c>
      <c r="BH6" s="666"/>
      <c r="BI6" s="666"/>
      <c r="BJ6" s="666"/>
      <c r="BK6" s="666"/>
      <c r="BL6" s="666"/>
      <c r="BM6" s="666"/>
      <c r="BN6" s="667"/>
      <c r="BO6" s="692">
        <v>90.7</v>
      </c>
      <c r="BP6" s="692"/>
      <c r="BQ6" s="692"/>
      <c r="BR6" s="692"/>
      <c r="BS6" s="693">
        <v>292488</v>
      </c>
      <c r="BT6" s="693"/>
      <c r="BU6" s="693"/>
      <c r="BV6" s="693"/>
      <c r="BW6" s="693"/>
      <c r="BX6" s="693"/>
      <c r="BY6" s="693"/>
      <c r="BZ6" s="693"/>
      <c r="CA6" s="693"/>
      <c r="CB6" s="751"/>
      <c r="CD6" s="721" t="s">
        <v>235</v>
      </c>
      <c r="CE6" s="722"/>
      <c r="CF6" s="722"/>
      <c r="CG6" s="722"/>
      <c r="CH6" s="722"/>
      <c r="CI6" s="722"/>
      <c r="CJ6" s="722"/>
      <c r="CK6" s="722"/>
      <c r="CL6" s="722"/>
      <c r="CM6" s="722"/>
      <c r="CN6" s="722"/>
      <c r="CO6" s="722"/>
      <c r="CP6" s="722"/>
      <c r="CQ6" s="723"/>
      <c r="CR6" s="665">
        <v>401978</v>
      </c>
      <c r="CS6" s="666"/>
      <c r="CT6" s="666"/>
      <c r="CU6" s="666"/>
      <c r="CV6" s="666"/>
      <c r="CW6" s="666"/>
      <c r="CX6" s="666"/>
      <c r="CY6" s="667"/>
      <c r="CZ6" s="763">
        <v>0.6</v>
      </c>
      <c r="DA6" s="736"/>
      <c r="DB6" s="736"/>
      <c r="DC6" s="766"/>
      <c r="DD6" s="671">
        <v>1242</v>
      </c>
      <c r="DE6" s="666"/>
      <c r="DF6" s="666"/>
      <c r="DG6" s="666"/>
      <c r="DH6" s="666"/>
      <c r="DI6" s="666"/>
      <c r="DJ6" s="666"/>
      <c r="DK6" s="666"/>
      <c r="DL6" s="666"/>
      <c r="DM6" s="666"/>
      <c r="DN6" s="666"/>
      <c r="DO6" s="666"/>
      <c r="DP6" s="667"/>
      <c r="DQ6" s="671">
        <v>401978</v>
      </c>
      <c r="DR6" s="666"/>
      <c r="DS6" s="666"/>
      <c r="DT6" s="666"/>
      <c r="DU6" s="666"/>
      <c r="DV6" s="666"/>
      <c r="DW6" s="666"/>
      <c r="DX6" s="666"/>
      <c r="DY6" s="666"/>
      <c r="DZ6" s="666"/>
      <c r="EA6" s="666"/>
      <c r="EB6" s="666"/>
      <c r="EC6" s="706"/>
    </row>
    <row r="7" spans="2:143" ht="11.25" customHeight="1" x14ac:dyDescent="0.2">
      <c r="B7" s="662" t="s">
        <v>236</v>
      </c>
      <c r="C7" s="663"/>
      <c r="D7" s="663"/>
      <c r="E7" s="663"/>
      <c r="F7" s="663"/>
      <c r="G7" s="663"/>
      <c r="H7" s="663"/>
      <c r="I7" s="663"/>
      <c r="J7" s="663"/>
      <c r="K7" s="663"/>
      <c r="L7" s="663"/>
      <c r="M7" s="663"/>
      <c r="N7" s="663"/>
      <c r="O7" s="663"/>
      <c r="P7" s="663"/>
      <c r="Q7" s="664"/>
      <c r="R7" s="665">
        <v>19564</v>
      </c>
      <c r="S7" s="666"/>
      <c r="T7" s="666"/>
      <c r="U7" s="666"/>
      <c r="V7" s="666"/>
      <c r="W7" s="666"/>
      <c r="X7" s="666"/>
      <c r="Y7" s="667"/>
      <c r="Z7" s="692">
        <v>0</v>
      </c>
      <c r="AA7" s="692"/>
      <c r="AB7" s="692"/>
      <c r="AC7" s="692"/>
      <c r="AD7" s="693">
        <v>19564</v>
      </c>
      <c r="AE7" s="693"/>
      <c r="AF7" s="693"/>
      <c r="AG7" s="693"/>
      <c r="AH7" s="693"/>
      <c r="AI7" s="693"/>
      <c r="AJ7" s="693"/>
      <c r="AK7" s="693"/>
      <c r="AL7" s="668">
        <v>0.1</v>
      </c>
      <c r="AM7" s="669"/>
      <c r="AN7" s="669"/>
      <c r="AO7" s="694"/>
      <c r="AP7" s="662" t="s">
        <v>237</v>
      </c>
      <c r="AQ7" s="663"/>
      <c r="AR7" s="663"/>
      <c r="AS7" s="663"/>
      <c r="AT7" s="663"/>
      <c r="AU7" s="663"/>
      <c r="AV7" s="663"/>
      <c r="AW7" s="663"/>
      <c r="AX7" s="663"/>
      <c r="AY7" s="663"/>
      <c r="AZ7" s="663"/>
      <c r="BA7" s="663"/>
      <c r="BB7" s="663"/>
      <c r="BC7" s="663"/>
      <c r="BD7" s="663"/>
      <c r="BE7" s="663"/>
      <c r="BF7" s="664"/>
      <c r="BG7" s="665">
        <v>18541377</v>
      </c>
      <c r="BH7" s="666"/>
      <c r="BI7" s="666"/>
      <c r="BJ7" s="666"/>
      <c r="BK7" s="666"/>
      <c r="BL7" s="666"/>
      <c r="BM7" s="666"/>
      <c r="BN7" s="667"/>
      <c r="BO7" s="692">
        <v>50.8</v>
      </c>
      <c r="BP7" s="692"/>
      <c r="BQ7" s="692"/>
      <c r="BR7" s="692"/>
      <c r="BS7" s="693">
        <v>292488</v>
      </c>
      <c r="BT7" s="693"/>
      <c r="BU7" s="693"/>
      <c r="BV7" s="693"/>
      <c r="BW7" s="693"/>
      <c r="BX7" s="693"/>
      <c r="BY7" s="693"/>
      <c r="BZ7" s="693"/>
      <c r="CA7" s="693"/>
      <c r="CB7" s="751"/>
      <c r="CD7" s="707" t="s">
        <v>238</v>
      </c>
      <c r="CE7" s="704"/>
      <c r="CF7" s="704"/>
      <c r="CG7" s="704"/>
      <c r="CH7" s="704"/>
      <c r="CI7" s="704"/>
      <c r="CJ7" s="704"/>
      <c r="CK7" s="704"/>
      <c r="CL7" s="704"/>
      <c r="CM7" s="704"/>
      <c r="CN7" s="704"/>
      <c r="CO7" s="704"/>
      <c r="CP7" s="704"/>
      <c r="CQ7" s="705"/>
      <c r="CR7" s="665">
        <v>8605591</v>
      </c>
      <c r="CS7" s="666"/>
      <c r="CT7" s="666"/>
      <c r="CU7" s="666"/>
      <c r="CV7" s="666"/>
      <c r="CW7" s="666"/>
      <c r="CX7" s="666"/>
      <c r="CY7" s="667"/>
      <c r="CZ7" s="692">
        <v>13.2</v>
      </c>
      <c r="DA7" s="692"/>
      <c r="DB7" s="692"/>
      <c r="DC7" s="692"/>
      <c r="DD7" s="671">
        <v>98462</v>
      </c>
      <c r="DE7" s="666"/>
      <c r="DF7" s="666"/>
      <c r="DG7" s="666"/>
      <c r="DH7" s="666"/>
      <c r="DI7" s="666"/>
      <c r="DJ7" s="666"/>
      <c r="DK7" s="666"/>
      <c r="DL7" s="666"/>
      <c r="DM7" s="666"/>
      <c r="DN7" s="666"/>
      <c r="DO7" s="666"/>
      <c r="DP7" s="667"/>
      <c r="DQ7" s="671">
        <v>7801020</v>
      </c>
      <c r="DR7" s="666"/>
      <c r="DS7" s="666"/>
      <c r="DT7" s="666"/>
      <c r="DU7" s="666"/>
      <c r="DV7" s="666"/>
      <c r="DW7" s="666"/>
      <c r="DX7" s="666"/>
      <c r="DY7" s="666"/>
      <c r="DZ7" s="666"/>
      <c r="EA7" s="666"/>
      <c r="EB7" s="666"/>
      <c r="EC7" s="706"/>
    </row>
    <row r="8" spans="2:143" ht="11.25" customHeight="1" x14ac:dyDescent="0.2">
      <c r="B8" s="662" t="s">
        <v>239</v>
      </c>
      <c r="C8" s="663"/>
      <c r="D8" s="663"/>
      <c r="E8" s="663"/>
      <c r="F8" s="663"/>
      <c r="G8" s="663"/>
      <c r="H8" s="663"/>
      <c r="I8" s="663"/>
      <c r="J8" s="663"/>
      <c r="K8" s="663"/>
      <c r="L8" s="663"/>
      <c r="M8" s="663"/>
      <c r="N8" s="663"/>
      <c r="O8" s="663"/>
      <c r="P8" s="663"/>
      <c r="Q8" s="664"/>
      <c r="R8" s="665">
        <v>291750</v>
      </c>
      <c r="S8" s="666"/>
      <c r="T8" s="666"/>
      <c r="U8" s="666"/>
      <c r="V8" s="666"/>
      <c r="W8" s="666"/>
      <c r="X8" s="666"/>
      <c r="Y8" s="667"/>
      <c r="Z8" s="692">
        <v>0.4</v>
      </c>
      <c r="AA8" s="692"/>
      <c r="AB8" s="692"/>
      <c r="AC8" s="692"/>
      <c r="AD8" s="693">
        <v>291750</v>
      </c>
      <c r="AE8" s="693"/>
      <c r="AF8" s="693"/>
      <c r="AG8" s="693"/>
      <c r="AH8" s="693"/>
      <c r="AI8" s="693"/>
      <c r="AJ8" s="693"/>
      <c r="AK8" s="693"/>
      <c r="AL8" s="668">
        <v>0.7</v>
      </c>
      <c r="AM8" s="669"/>
      <c r="AN8" s="669"/>
      <c r="AO8" s="694"/>
      <c r="AP8" s="662" t="s">
        <v>240</v>
      </c>
      <c r="AQ8" s="663"/>
      <c r="AR8" s="663"/>
      <c r="AS8" s="663"/>
      <c r="AT8" s="663"/>
      <c r="AU8" s="663"/>
      <c r="AV8" s="663"/>
      <c r="AW8" s="663"/>
      <c r="AX8" s="663"/>
      <c r="AY8" s="663"/>
      <c r="AZ8" s="663"/>
      <c r="BA8" s="663"/>
      <c r="BB8" s="663"/>
      <c r="BC8" s="663"/>
      <c r="BD8" s="663"/>
      <c r="BE8" s="663"/>
      <c r="BF8" s="664"/>
      <c r="BG8" s="665">
        <v>286709</v>
      </c>
      <c r="BH8" s="666"/>
      <c r="BI8" s="666"/>
      <c r="BJ8" s="666"/>
      <c r="BK8" s="666"/>
      <c r="BL8" s="666"/>
      <c r="BM8" s="666"/>
      <c r="BN8" s="667"/>
      <c r="BO8" s="692">
        <v>0.8</v>
      </c>
      <c r="BP8" s="692"/>
      <c r="BQ8" s="692"/>
      <c r="BR8" s="692"/>
      <c r="BS8" s="693" t="s">
        <v>129</v>
      </c>
      <c r="BT8" s="693"/>
      <c r="BU8" s="693"/>
      <c r="BV8" s="693"/>
      <c r="BW8" s="693"/>
      <c r="BX8" s="693"/>
      <c r="BY8" s="693"/>
      <c r="BZ8" s="693"/>
      <c r="CA8" s="693"/>
      <c r="CB8" s="751"/>
      <c r="CD8" s="707" t="s">
        <v>241</v>
      </c>
      <c r="CE8" s="704"/>
      <c r="CF8" s="704"/>
      <c r="CG8" s="704"/>
      <c r="CH8" s="704"/>
      <c r="CI8" s="704"/>
      <c r="CJ8" s="704"/>
      <c r="CK8" s="704"/>
      <c r="CL8" s="704"/>
      <c r="CM8" s="704"/>
      <c r="CN8" s="704"/>
      <c r="CO8" s="704"/>
      <c r="CP8" s="704"/>
      <c r="CQ8" s="705"/>
      <c r="CR8" s="665">
        <v>27565056</v>
      </c>
      <c r="CS8" s="666"/>
      <c r="CT8" s="666"/>
      <c r="CU8" s="666"/>
      <c r="CV8" s="666"/>
      <c r="CW8" s="666"/>
      <c r="CX8" s="666"/>
      <c r="CY8" s="667"/>
      <c r="CZ8" s="692">
        <v>42.4</v>
      </c>
      <c r="DA8" s="692"/>
      <c r="DB8" s="692"/>
      <c r="DC8" s="692"/>
      <c r="DD8" s="671">
        <v>229351</v>
      </c>
      <c r="DE8" s="666"/>
      <c r="DF8" s="666"/>
      <c r="DG8" s="666"/>
      <c r="DH8" s="666"/>
      <c r="DI8" s="666"/>
      <c r="DJ8" s="666"/>
      <c r="DK8" s="666"/>
      <c r="DL8" s="666"/>
      <c r="DM8" s="666"/>
      <c r="DN8" s="666"/>
      <c r="DO8" s="666"/>
      <c r="DP8" s="667"/>
      <c r="DQ8" s="671">
        <v>13321094</v>
      </c>
      <c r="DR8" s="666"/>
      <c r="DS8" s="666"/>
      <c r="DT8" s="666"/>
      <c r="DU8" s="666"/>
      <c r="DV8" s="666"/>
      <c r="DW8" s="666"/>
      <c r="DX8" s="666"/>
      <c r="DY8" s="666"/>
      <c r="DZ8" s="666"/>
      <c r="EA8" s="666"/>
      <c r="EB8" s="666"/>
      <c r="EC8" s="706"/>
    </row>
    <row r="9" spans="2:143" ht="11.25" customHeight="1" x14ac:dyDescent="0.2">
      <c r="B9" s="662" t="s">
        <v>242</v>
      </c>
      <c r="C9" s="663"/>
      <c r="D9" s="663"/>
      <c r="E9" s="663"/>
      <c r="F9" s="663"/>
      <c r="G9" s="663"/>
      <c r="H9" s="663"/>
      <c r="I9" s="663"/>
      <c r="J9" s="663"/>
      <c r="K9" s="663"/>
      <c r="L9" s="663"/>
      <c r="M9" s="663"/>
      <c r="N9" s="663"/>
      <c r="O9" s="663"/>
      <c r="P9" s="663"/>
      <c r="Q9" s="664"/>
      <c r="R9" s="665">
        <v>371543</v>
      </c>
      <c r="S9" s="666"/>
      <c r="T9" s="666"/>
      <c r="U9" s="666"/>
      <c r="V9" s="666"/>
      <c r="W9" s="666"/>
      <c r="X9" s="666"/>
      <c r="Y9" s="667"/>
      <c r="Z9" s="692">
        <v>0.5</v>
      </c>
      <c r="AA9" s="692"/>
      <c r="AB9" s="692"/>
      <c r="AC9" s="692"/>
      <c r="AD9" s="693">
        <v>371543</v>
      </c>
      <c r="AE9" s="693"/>
      <c r="AF9" s="693"/>
      <c r="AG9" s="693"/>
      <c r="AH9" s="693"/>
      <c r="AI9" s="693"/>
      <c r="AJ9" s="693"/>
      <c r="AK9" s="693"/>
      <c r="AL9" s="668">
        <v>1</v>
      </c>
      <c r="AM9" s="669"/>
      <c r="AN9" s="669"/>
      <c r="AO9" s="694"/>
      <c r="AP9" s="662" t="s">
        <v>243</v>
      </c>
      <c r="AQ9" s="663"/>
      <c r="AR9" s="663"/>
      <c r="AS9" s="663"/>
      <c r="AT9" s="663"/>
      <c r="AU9" s="663"/>
      <c r="AV9" s="663"/>
      <c r="AW9" s="663"/>
      <c r="AX9" s="663"/>
      <c r="AY9" s="663"/>
      <c r="AZ9" s="663"/>
      <c r="BA9" s="663"/>
      <c r="BB9" s="663"/>
      <c r="BC9" s="663"/>
      <c r="BD9" s="663"/>
      <c r="BE9" s="663"/>
      <c r="BF9" s="664"/>
      <c r="BG9" s="665">
        <v>16382458</v>
      </c>
      <c r="BH9" s="666"/>
      <c r="BI9" s="666"/>
      <c r="BJ9" s="666"/>
      <c r="BK9" s="666"/>
      <c r="BL9" s="666"/>
      <c r="BM9" s="666"/>
      <c r="BN9" s="667"/>
      <c r="BO9" s="692">
        <v>44.9</v>
      </c>
      <c r="BP9" s="692"/>
      <c r="BQ9" s="692"/>
      <c r="BR9" s="692"/>
      <c r="BS9" s="693" t="s">
        <v>129</v>
      </c>
      <c r="BT9" s="693"/>
      <c r="BU9" s="693"/>
      <c r="BV9" s="693"/>
      <c r="BW9" s="693"/>
      <c r="BX9" s="693"/>
      <c r="BY9" s="693"/>
      <c r="BZ9" s="693"/>
      <c r="CA9" s="693"/>
      <c r="CB9" s="751"/>
      <c r="CD9" s="707" t="s">
        <v>244</v>
      </c>
      <c r="CE9" s="704"/>
      <c r="CF9" s="704"/>
      <c r="CG9" s="704"/>
      <c r="CH9" s="704"/>
      <c r="CI9" s="704"/>
      <c r="CJ9" s="704"/>
      <c r="CK9" s="704"/>
      <c r="CL9" s="704"/>
      <c r="CM9" s="704"/>
      <c r="CN9" s="704"/>
      <c r="CO9" s="704"/>
      <c r="CP9" s="704"/>
      <c r="CQ9" s="705"/>
      <c r="CR9" s="665">
        <v>6985747</v>
      </c>
      <c r="CS9" s="666"/>
      <c r="CT9" s="666"/>
      <c r="CU9" s="666"/>
      <c r="CV9" s="666"/>
      <c r="CW9" s="666"/>
      <c r="CX9" s="666"/>
      <c r="CY9" s="667"/>
      <c r="CZ9" s="692">
        <v>10.8</v>
      </c>
      <c r="DA9" s="692"/>
      <c r="DB9" s="692"/>
      <c r="DC9" s="692"/>
      <c r="DD9" s="671">
        <v>206771</v>
      </c>
      <c r="DE9" s="666"/>
      <c r="DF9" s="666"/>
      <c r="DG9" s="666"/>
      <c r="DH9" s="666"/>
      <c r="DI9" s="666"/>
      <c r="DJ9" s="666"/>
      <c r="DK9" s="666"/>
      <c r="DL9" s="666"/>
      <c r="DM9" s="666"/>
      <c r="DN9" s="666"/>
      <c r="DO9" s="666"/>
      <c r="DP9" s="667"/>
      <c r="DQ9" s="671">
        <v>4650475</v>
      </c>
      <c r="DR9" s="666"/>
      <c r="DS9" s="666"/>
      <c r="DT9" s="666"/>
      <c r="DU9" s="666"/>
      <c r="DV9" s="666"/>
      <c r="DW9" s="666"/>
      <c r="DX9" s="666"/>
      <c r="DY9" s="666"/>
      <c r="DZ9" s="666"/>
      <c r="EA9" s="666"/>
      <c r="EB9" s="666"/>
      <c r="EC9" s="706"/>
    </row>
    <row r="10" spans="2:143" ht="11.25" customHeight="1" x14ac:dyDescent="0.2">
      <c r="B10" s="662" t="s">
        <v>245</v>
      </c>
      <c r="C10" s="663"/>
      <c r="D10" s="663"/>
      <c r="E10" s="663"/>
      <c r="F10" s="663"/>
      <c r="G10" s="663"/>
      <c r="H10" s="663"/>
      <c r="I10" s="663"/>
      <c r="J10" s="663"/>
      <c r="K10" s="663"/>
      <c r="L10" s="663"/>
      <c r="M10" s="663"/>
      <c r="N10" s="663"/>
      <c r="O10" s="663"/>
      <c r="P10" s="663"/>
      <c r="Q10" s="664"/>
      <c r="R10" s="665" t="s">
        <v>129</v>
      </c>
      <c r="S10" s="666"/>
      <c r="T10" s="666"/>
      <c r="U10" s="666"/>
      <c r="V10" s="666"/>
      <c r="W10" s="666"/>
      <c r="X10" s="666"/>
      <c r="Y10" s="667"/>
      <c r="Z10" s="692" t="s">
        <v>129</v>
      </c>
      <c r="AA10" s="692"/>
      <c r="AB10" s="692"/>
      <c r="AC10" s="692"/>
      <c r="AD10" s="693" t="s">
        <v>129</v>
      </c>
      <c r="AE10" s="693"/>
      <c r="AF10" s="693"/>
      <c r="AG10" s="693"/>
      <c r="AH10" s="693"/>
      <c r="AI10" s="693"/>
      <c r="AJ10" s="693"/>
      <c r="AK10" s="693"/>
      <c r="AL10" s="668" t="s">
        <v>129</v>
      </c>
      <c r="AM10" s="669"/>
      <c r="AN10" s="669"/>
      <c r="AO10" s="694"/>
      <c r="AP10" s="662" t="s">
        <v>246</v>
      </c>
      <c r="AQ10" s="663"/>
      <c r="AR10" s="663"/>
      <c r="AS10" s="663"/>
      <c r="AT10" s="663"/>
      <c r="AU10" s="663"/>
      <c r="AV10" s="663"/>
      <c r="AW10" s="663"/>
      <c r="AX10" s="663"/>
      <c r="AY10" s="663"/>
      <c r="AZ10" s="663"/>
      <c r="BA10" s="663"/>
      <c r="BB10" s="663"/>
      <c r="BC10" s="663"/>
      <c r="BD10" s="663"/>
      <c r="BE10" s="663"/>
      <c r="BF10" s="664"/>
      <c r="BG10" s="665">
        <v>525342</v>
      </c>
      <c r="BH10" s="666"/>
      <c r="BI10" s="666"/>
      <c r="BJ10" s="666"/>
      <c r="BK10" s="666"/>
      <c r="BL10" s="666"/>
      <c r="BM10" s="666"/>
      <c r="BN10" s="667"/>
      <c r="BO10" s="692">
        <v>1.4</v>
      </c>
      <c r="BP10" s="692"/>
      <c r="BQ10" s="692"/>
      <c r="BR10" s="692"/>
      <c r="BS10" s="693" t="s">
        <v>129</v>
      </c>
      <c r="BT10" s="693"/>
      <c r="BU10" s="693"/>
      <c r="BV10" s="693"/>
      <c r="BW10" s="693"/>
      <c r="BX10" s="693"/>
      <c r="BY10" s="693"/>
      <c r="BZ10" s="693"/>
      <c r="CA10" s="693"/>
      <c r="CB10" s="751"/>
      <c r="CD10" s="707" t="s">
        <v>247</v>
      </c>
      <c r="CE10" s="704"/>
      <c r="CF10" s="704"/>
      <c r="CG10" s="704"/>
      <c r="CH10" s="704"/>
      <c r="CI10" s="704"/>
      <c r="CJ10" s="704"/>
      <c r="CK10" s="704"/>
      <c r="CL10" s="704"/>
      <c r="CM10" s="704"/>
      <c r="CN10" s="704"/>
      <c r="CO10" s="704"/>
      <c r="CP10" s="704"/>
      <c r="CQ10" s="705"/>
      <c r="CR10" s="665">
        <v>77701</v>
      </c>
      <c r="CS10" s="666"/>
      <c r="CT10" s="666"/>
      <c r="CU10" s="666"/>
      <c r="CV10" s="666"/>
      <c r="CW10" s="666"/>
      <c r="CX10" s="666"/>
      <c r="CY10" s="667"/>
      <c r="CZ10" s="692">
        <v>0.1</v>
      </c>
      <c r="DA10" s="692"/>
      <c r="DB10" s="692"/>
      <c r="DC10" s="692"/>
      <c r="DD10" s="671" t="s">
        <v>129</v>
      </c>
      <c r="DE10" s="666"/>
      <c r="DF10" s="666"/>
      <c r="DG10" s="666"/>
      <c r="DH10" s="666"/>
      <c r="DI10" s="666"/>
      <c r="DJ10" s="666"/>
      <c r="DK10" s="666"/>
      <c r="DL10" s="666"/>
      <c r="DM10" s="666"/>
      <c r="DN10" s="666"/>
      <c r="DO10" s="666"/>
      <c r="DP10" s="667"/>
      <c r="DQ10" s="671">
        <v>47536</v>
      </c>
      <c r="DR10" s="666"/>
      <c r="DS10" s="666"/>
      <c r="DT10" s="666"/>
      <c r="DU10" s="666"/>
      <c r="DV10" s="666"/>
      <c r="DW10" s="666"/>
      <c r="DX10" s="666"/>
      <c r="DY10" s="666"/>
      <c r="DZ10" s="666"/>
      <c r="EA10" s="666"/>
      <c r="EB10" s="666"/>
      <c r="EC10" s="706"/>
    </row>
    <row r="11" spans="2:143" ht="11.25" customHeight="1" x14ac:dyDescent="0.2">
      <c r="B11" s="662" t="s">
        <v>248</v>
      </c>
      <c r="C11" s="663"/>
      <c r="D11" s="663"/>
      <c r="E11" s="663"/>
      <c r="F11" s="663"/>
      <c r="G11" s="663"/>
      <c r="H11" s="663"/>
      <c r="I11" s="663"/>
      <c r="J11" s="663"/>
      <c r="K11" s="663"/>
      <c r="L11" s="663"/>
      <c r="M11" s="663"/>
      <c r="N11" s="663"/>
      <c r="O11" s="663"/>
      <c r="P11" s="663"/>
      <c r="Q11" s="664"/>
      <c r="R11" s="665">
        <v>3898942</v>
      </c>
      <c r="S11" s="666"/>
      <c r="T11" s="666"/>
      <c r="U11" s="666"/>
      <c r="V11" s="666"/>
      <c r="W11" s="666"/>
      <c r="X11" s="666"/>
      <c r="Y11" s="667"/>
      <c r="Z11" s="668">
        <v>5.6</v>
      </c>
      <c r="AA11" s="669"/>
      <c r="AB11" s="669"/>
      <c r="AC11" s="670"/>
      <c r="AD11" s="671">
        <v>3898942</v>
      </c>
      <c r="AE11" s="666"/>
      <c r="AF11" s="666"/>
      <c r="AG11" s="666"/>
      <c r="AH11" s="666"/>
      <c r="AI11" s="666"/>
      <c r="AJ11" s="666"/>
      <c r="AK11" s="667"/>
      <c r="AL11" s="668">
        <v>10</v>
      </c>
      <c r="AM11" s="669"/>
      <c r="AN11" s="669"/>
      <c r="AO11" s="694"/>
      <c r="AP11" s="662" t="s">
        <v>249</v>
      </c>
      <c r="AQ11" s="663"/>
      <c r="AR11" s="663"/>
      <c r="AS11" s="663"/>
      <c r="AT11" s="663"/>
      <c r="AU11" s="663"/>
      <c r="AV11" s="663"/>
      <c r="AW11" s="663"/>
      <c r="AX11" s="663"/>
      <c r="AY11" s="663"/>
      <c r="AZ11" s="663"/>
      <c r="BA11" s="663"/>
      <c r="BB11" s="663"/>
      <c r="BC11" s="663"/>
      <c r="BD11" s="663"/>
      <c r="BE11" s="663"/>
      <c r="BF11" s="664"/>
      <c r="BG11" s="665">
        <v>1346868</v>
      </c>
      <c r="BH11" s="666"/>
      <c r="BI11" s="666"/>
      <c r="BJ11" s="666"/>
      <c r="BK11" s="666"/>
      <c r="BL11" s="666"/>
      <c r="BM11" s="666"/>
      <c r="BN11" s="667"/>
      <c r="BO11" s="692">
        <v>3.7</v>
      </c>
      <c r="BP11" s="692"/>
      <c r="BQ11" s="692"/>
      <c r="BR11" s="692"/>
      <c r="BS11" s="693">
        <v>292488</v>
      </c>
      <c r="BT11" s="693"/>
      <c r="BU11" s="693"/>
      <c r="BV11" s="693"/>
      <c r="BW11" s="693"/>
      <c r="BX11" s="693"/>
      <c r="BY11" s="693"/>
      <c r="BZ11" s="693"/>
      <c r="CA11" s="693"/>
      <c r="CB11" s="751"/>
      <c r="CD11" s="707" t="s">
        <v>250</v>
      </c>
      <c r="CE11" s="704"/>
      <c r="CF11" s="704"/>
      <c r="CG11" s="704"/>
      <c r="CH11" s="704"/>
      <c r="CI11" s="704"/>
      <c r="CJ11" s="704"/>
      <c r="CK11" s="704"/>
      <c r="CL11" s="704"/>
      <c r="CM11" s="704"/>
      <c r="CN11" s="704"/>
      <c r="CO11" s="704"/>
      <c r="CP11" s="704"/>
      <c r="CQ11" s="705"/>
      <c r="CR11" s="665">
        <v>111776</v>
      </c>
      <c r="CS11" s="666"/>
      <c r="CT11" s="666"/>
      <c r="CU11" s="666"/>
      <c r="CV11" s="666"/>
      <c r="CW11" s="666"/>
      <c r="CX11" s="666"/>
      <c r="CY11" s="667"/>
      <c r="CZ11" s="692">
        <v>0.2</v>
      </c>
      <c r="DA11" s="692"/>
      <c r="DB11" s="692"/>
      <c r="DC11" s="692"/>
      <c r="DD11" s="671">
        <v>21200</v>
      </c>
      <c r="DE11" s="666"/>
      <c r="DF11" s="666"/>
      <c r="DG11" s="666"/>
      <c r="DH11" s="666"/>
      <c r="DI11" s="666"/>
      <c r="DJ11" s="666"/>
      <c r="DK11" s="666"/>
      <c r="DL11" s="666"/>
      <c r="DM11" s="666"/>
      <c r="DN11" s="666"/>
      <c r="DO11" s="666"/>
      <c r="DP11" s="667"/>
      <c r="DQ11" s="671">
        <v>85884</v>
      </c>
      <c r="DR11" s="666"/>
      <c r="DS11" s="666"/>
      <c r="DT11" s="666"/>
      <c r="DU11" s="666"/>
      <c r="DV11" s="666"/>
      <c r="DW11" s="666"/>
      <c r="DX11" s="666"/>
      <c r="DY11" s="666"/>
      <c r="DZ11" s="666"/>
      <c r="EA11" s="666"/>
      <c r="EB11" s="666"/>
      <c r="EC11" s="706"/>
    </row>
    <row r="12" spans="2:143" ht="11.25" customHeight="1" x14ac:dyDescent="0.2">
      <c r="B12" s="662" t="s">
        <v>251</v>
      </c>
      <c r="C12" s="663"/>
      <c r="D12" s="663"/>
      <c r="E12" s="663"/>
      <c r="F12" s="663"/>
      <c r="G12" s="663"/>
      <c r="H12" s="663"/>
      <c r="I12" s="663"/>
      <c r="J12" s="663"/>
      <c r="K12" s="663"/>
      <c r="L12" s="663"/>
      <c r="M12" s="663"/>
      <c r="N12" s="663"/>
      <c r="O12" s="663"/>
      <c r="P12" s="663"/>
      <c r="Q12" s="664"/>
      <c r="R12" s="665">
        <v>22988</v>
      </c>
      <c r="S12" s="666"/>
      <c r="T12" s="666"/>
      <c r="U12" s="666"/>
      <c r="V12" s="666"/>
      <c r="W12" s="666"/>
      <c r="X12" s="666"/>
      <c r="Y12" s="667"/>
      <c r="Z12" s="692">
        <v>0</v>
      </c>
      <c r="AA12" s="692"/>
      <c r="AB12" s="692"/>
      <c r="AC12" s="692"/>
      <c r="AD12" s="693">
        <v>22988</v>
      </c>
      <c r="AE12" s="693"/>
      <c r="AF12" s="693"/>
      <c r="AG12" s="693"/>
      <c r="AH12" s="693"/>
      <c r="AI12" s="693"/>
      <c r="AJ12" s="693"/>
      <c r="AK12" s="693"/>
      <c r="AL12" s="668">
        <v>0.1</v>
      </c>
      <c r="AM12" s="669"/>
      <c r="AN12" s="669"/>
      <c r="AO12" s="694"/>
      <c r="AP12" s="662" t="s">
        <v>252</v>
      </c>
      <c r="AQ12" s="663"/>
      <c r="AR12" s="663"/>
      <c r="AS12" s="663"/>
      <c r="AT12" s="663"/>
      <c r="AU12" s="663"/>
      <c r="AV12" s="663"/>
      <c r="AW12" s="663"/>
      <c r="AX12" s="663"/>
      <c r="AY12" s="663"/>
      <c r="AZ12" s="663"/>
      <c r="BA12" s="663"/>
      <c r="BB12" s="663"/>
      <c r="BC12" s="663"/>
      <c r="BD12" s="663"/>
      <c r="BE12" s="663"/>
      <c r="BF12" s="664"/>
      <c r="BG12" s="665">
        <v>13632658</v>
      </c>
      <c r="BH12" s="666"/>
      <c r="BI12" s="666"/>
      <c r="BJ12" s="666"/>
      <c r="BK12" s="666"/>
      <c r="BL12" s="666"/>
      <c r="BM12" s="666"/>
      <c r="BN12" s="667"/>
      <c r="BO12" s="692">
        <v>37.299999999999997</v>
      </c>
      <c r="BP12" s="692"/>
      <c r="BQ12" s="692"/>
      <c r="BR12" s="692"/>
      <c r="BS12" s="693" t="s">
        <v>129</v>
      </c>
      <c r="BT12" s="693"/>
      <c r="BU12" s="693"/>
      <c r="BV12" s="693"/>
      <c r="BW12" s="693"/>
      <c r="BX12" s="693"/>
      <c r="BY12" s="693"/>
      <c r="BZ12" s="693"/>
      <c r="CA12" s="693"/>
      <c r="CB12" s="751"/>
      <c r="CD12" s="707" t="s">
        <v>253</v>
      </c>
      <c r="CE12" s="704"/>
      <c r="CF12" s="704"/>
      <c r="CG12" s="704"/>
      <c r="CH12" s="704"/>
      <c r="CI12" s="704"/>
      <c r="CJ12" s="704"/>
      <c r="CK12" s="704"/>
      <c r="CL12" s="704"/>
      <c r="CM12" s="704"/>
      <c r="CN12" s="704"/>
      <c r="CO12" s="704"/>
      <c r="CP12" s="704"/>
      <c r="CQ12" s="705"/>
      <c r="CR12" s="665">
        <v>933060</v>
      </c>
      <c r="CS12" s="666"/>
      <c r="CT12" s="666"/>
      <c r="CU12" s="666"/>
      <c r="CV12" s="666"/>
      <c r="CW12" s="666"/>
      <c r="CX12" s="666"/>
      <c r="CY12" s="667"/>
      <c r="CZ12" s="692">
        <v>1.4</v>
      </c>
      <c r="DA12" s="692"/>
      <c r="DB12" s="692"/>
      <c r="DC12" s="692"/>
      <c r="DD12" s="671">
        <v>6983</v>
      </c>
      <c r="DE12" s="666"/>
      <c r="DF12" s="666"/>
      <c r="DG12" s="666"/>
      <c r="DH12" s="666"/>
      <c r="DI12" s="666"/>
      <c r="DJ12" s="666"/>
      <c r="DK12" s="666"/>
      <c r="DL12" s="666"/>
      <c r="DM12" s="666"/>
      <c r="DN12" s="666"/>
      <c r="DO12" s="666"/>
      <c r="DP12" s="667"/>
      <c r="DQ12" s="671">
        <v>525891</v>
      </c>
      <c r="DR12" s="666"/>
      <c r="DS12" s="666"/>
      <c r="DT12" s="666"/>
      <c r="DU12" s="666"/>
      <c r="DV12" s="666"/>
      <c r="DW12" s="666"/>
      <c r="DX12" s="666"/>
      <c r="DY12" s="666"/>
      <c r="DZ12" s="666"/>
      <c r="EA12" s="666"/>
      <c r="EB12" s="666"/>
      <c r="EC12" s="706"/>
    </row>
    <row r="13" spans="2:143" ht="11.25" customHeight="1" x14ac:dyDescent="0.2">
      <c r="B13" s="662" t="s">
        <v>254</v>
      </c>
      <c r="C13" s="663"/>
      <c r="D13" s="663"/>
      <c r="E13" s="663"/>
      <c r="F13" s="663"/>
      <c r="G13" s="663"/>
      <c r="H13" s="663"/>
      <c r="I13" s="663"/>
      <c r="J13" s="663"/>
      <c r="K13" s="663"/>
      <c r="L13" s="663"/>
      <c r="M13" s="663"/>
      <c r="N13" s="663"/>
      <c r="O13" s="663"/>
      <c r="P13" s="663"/>
      <c r="Q13" s="664"/>
      <c r="R13" s="665" t="s">
        <v>129</v>
      </c>
      <c r="S13" s="666"/>
      <c r="T13" s="666"/>
      <c r="U13" s="666"/>
      <c r="V13" s="666"/>
      <c r="W13" s="666"/>
      <c r="X13" s="666"/>
      <c r="Y13" s="667"/>
      <c r="Z13" s="692" t="s">
        <v>129</v>
      </c>
      <c r="AA13" s="692"/>
      <c r="AB13" s="692"/>
      <c r="AC13" s="692"/>
      <c r="AD13" s="693" t="s">
        <v>129</v>
      </c>
      <c r="AE13" s="693"/>
      <c r="AF13" s="693"/>
      <c r="AG13" s="693"/>
      <c r="AH13" s="693"/>
      <c r="AI13" s="693"/>
      <c r="AJ13" s="693"/>
      <c r="AK13" s="693"/>
      <c r="AL13" s="668" t="s">
        <v>129</v>
      </c>
      <c r="AM13" s="669"/>
      <c r="AN13" s="669"/>
      <c r="AO13" s="694"/>
      <c r="AP13" s="662" t="s">
        <v>255</v>
      </c>
      <c r="AQ13" s="663"/>
      <c r="AR13" s="663"/>
      <c r="AS13" s="663"/>
      <c r="AT13" s="663"/>
      <c r="AU13" s="663"/>
      <c r="AV13" s="663"/>
      <c r="AW13" s="663"/>
      <c r="AX13" s="663"/>
      <c r="AY13" s="663"/>
      <c r="AZ13" s="663"/>
      <c r="BA13" s="663"/>
      <c r="BB13" s="663"/>
      <c r="BC13" s="663"/>
      <c r="BD13" s="663"/>
      <c r="BE13" s="663"/>
      <c r="BF13" s="664"/>
      <c r="BG13" s="665">
        <v>13613066</v>
      </c>
      <c r="BH13" s="666"/>
      <c r="BI13" s="666"/>
      <c r="BJ13" s="666"/>
      <c r="BK13" s="666"/>
      <c r="BL13" s="666"/>
      <c r="BM13" s="666"/>
      <c r="BN13" s="667"/>
      <c r="BO13" s="692">
        <v>37.299999999999997</v>
      </c>
      <c r="BP13" s="692"/>
      <c r="BQ13" s="692"/>
      <c r="BR13" s="692"/>
      <c r="BS13" s="693" t="s">
        <v>129</v>
      </c>
      <c r="BT13" s="693"/>
      <c r="BU13" s="693"/>
      <c r="BV13" s="693"/>
      <c r="BW13" s="693"/>
      <c r="BX13" s="693"/>
      <c r="BY13" s="693"/>
      <c r="BZ13" s="693"/>
      <c r="CA13" s="693"/>
      <c r="CB13" s="751"/>
      <c r="CD13" s="707" t="s">
        <v>256</v>
      </c>
      <c r="CE13" s="704"/>
      <c r="CF13" s="704"/>
      <c r="CG13" s="704"/>
      <c r="CH13" s="704"/>
      <c r="CI13" s="704"/>
      <c r="CJ13" s="704"/>
      <c r="CK13" s="704"/>
      <c r="CL13" s="704"/>
      <c r="CM13" s="704"/>
      <c r="CN13" s="704"/>
      <c r="CO13" s="704"/>
      <c r="CP13" s="704"/>
      <c r="CQ13" s="705"/>
      <c r="CR13" s="665">
        <v>6596162</v>
      </c>
      <c r="CS13" s="666"/>
      <c r="CT13" s="666"/>
      <c r="CU13" s="666"/>
      <c r="CV13" s="666"/>
      <c r="CW13" s="666"/>
      <c r="CX13" s="666"/>
      <c r="CY13" s="667"/>
      <c r="CZ13" s="692">
        <v>10.199999999999999</v>
      </c>
      <c r="DA13" s="692"/>
      <c r="DB13" s="692"/>
      <c r="DC13" s="692"/>
      <c r="DD13" s="671">
        <v>984255</v>
      </c>
      <c r="DE13" s="666"/>
      <c r="DF13" s="666"/>
      <c r="DG13" s="666"/>
      <c r="DH13" s="666"/>
      <c r="DI13" s="666"/>
      <c r="DJ13" s="666"/>
      <c r="DK13" s="666"/>
      <c r="DL13" s="666"/>
      <c r="DM13" s="666"/>
      <c r="DN13" s="666"/>
      <c r="DO13" s="666"/>
      <c r="DP13" s="667"/>
      <c r="DQ13" s="671">
        <v>5672670</v>
      </c>
      <c r="DR13" s="666"/>
      <c r="DS13" s="666"/>
      <c r="DT13" s="666"/>
      <c r="DU13" s="666"/>
      <c r="DV13" s="666"/>
      <c r="DW13" s="666"/>
      <c r="DX13" s="666"/>
      <c r="DY13" s="666"/>
      <c r="DZ13" s="666"/>
      <c r="EA13" s="666"/>
      <c r="EB13" s="666"/>
      <c r="EC13" s="706"/>
    </row>
    <row r="14" spans="2:143" ht="11.25" customHeight="1" x14ac:dyDescent="0.2">
      <c r="B14" s="662" t="s">
        <v>257</v>
      </c>
      <c r="C14" s="663"/>
      <c r="D14" s="663"/>
      <c r="E14" s="663"/>
      <c r="F14" s="663"/>
      <c r="G14" s="663"/>
      <c r="H14" s="663"/>
      <c r="I14" s="663"/>
      <c r="J14" s="663"/>
      <c r="K14" s="663"/>
      <c r="L14" s="663"/>
      <c r="M14" s="663"/>
      <c r="N14" s="663"/>
      <c r="O14" s="663"/>
      <c r="P14" s="663"/>
      <c r="Q14" s="664"/>
      <c r="R14" s="665" t="s">
        <v>129</v>
      </c>
      <c r="S14" s="666"/>
      <c r="T14" s="666"/>
      <c r="U14" s="666"/>
      <c r="V14" s="666"/>
      <c r="W14" s="666"/>
      <c r="X14" s="666"/>
      <c r="Y14" s="667"/>
      <c r="Z14" s="692" t="s">
        <v>129</v>
      </c>
      <c r="AA14" s="692"/>
      <c r="AB14" s="692"/>
      <c r="AC14" s="692"/>
      <c r="AD14" s="693" t="s">
        <v>129</v>
      </c>
      <c r="AE14" s="693"/>
      <c r="AF14" s="693"/>
      <c r="AG14" s="693"/>
      <c r="AH14" s="693"/>
      <c r="AI14" s="693"/>
      <c r="AJ14" s="693"/>
      <c r="AK14" s="693"/>
      <c r="AL14" s="668" t="s">
        <v>129</v>
      </c>
      <c r="AM14" s="669"/>
      <c r="AN14" s="669"/>
      <c r="AO14" s="694"/>
      <c r="AP14" s="662" t="s">
        <v>258</v>
      </c>
      <c r="AQ14" s="663"/>
      <c r="AR14" s="663"/>
      <c r="AS14" s="663"/>
      <c r="AT14" s="663"/>
      <c r="AU14" s="663"/>
      <c r="AV14" s="663"/>
      <c r="AW14" s="663"/>
      <c r="AX14" s="663"/>
      <c r="AY14" s="663"/>
      <c r="AZ14" s="663"/>
      <c r="BA14" s="663"/>
      <c r="BB14" s="663"/>
      <c r="BC14" s="663"/>
      <c r="BD14" s="663"/>
      <c r="BE14" s="663"/>
      <c r="BF14" s="664"/>
      <c r="BG14" s="665">
        <v>178007</v>
      </c>
      <c r="BH14" s="666"/>
      <c r="BI14" s="666"/>
      <c r="BJ14" s="666"/>
      <c r="BK14" s="666"/>
      <c r="BL14" s="666"/>
      <c r="BM14" s="666"/>
      <c r="BN14" s="667"/>
      <c r="BO14" s="692">
        <v>0.5</v>
      </c>
      <c r="BP14" s="692"/>
      <c r="BQ14" s="692"/>
      <c r="BR14" s="692"/>
      <c r="BS14" s="693" t="s">
        <v>129</v>
      </c>
      <c r="BT14" s="693"/>
      <c r="BU14" s="693"/>
      <c r="BV14" s="693"/>
      <c r="BW14" s="693"/>
      <c r="BX14" s="693"/>
      <c r="BY14" s="693"/>
      <c r="BZ14" s="693"/>
      <c r="CA14" s="693"/>
      <c r="CB14" s="751"/>
      <c r="CD14" s="707" t="s">
        <v>259</v>
      </c>
      <c r="CE14" s="704"/>
      <c r="CF14" s="704"/>
      <c r="CG14" s="704"/>
      <c r="CH14" s="704"/>
      <c r="CI14" s="704"/>
      <c r="CJ14" s="704"/>
      <c r="CK14" s="704"/>
      <c r="CL14" s="704"/>
      <c r="CM14" s="704"/>
      <c r="CN14" s="704"/>
      <c r="CO14" s="704"/>
      <c r="CP14" s="704"/>
      <c r="CQ14" s="705"/>
      <c r="CR14" s="665">
        <v>2646045</v>
      </c>
      <c r="CS14" s="666"/>
      <c r="CT14" s="666"/>
      <c r="CU14" s="666"/>
      <c r="CV14" s="666"/>
      <c r="CW14" s="666"/>
      <c r="CX14" s="666"/>
      <c r="CY14" s="667"/>
      <c r="CZ14" s="692">
        <v>4.0999999999999996</v>
      </c>
      <c r="DA14" s="692"/>
      <c r="DB14" s="692"/>
      <c r="DC14" s="692"/>
      <c r="DD14" s="671">
        <v>318389</v>
      </c>
      <c r="DE14" s="666"/>
      <c r="DF14" s="666"/>
      <c r="DG14" s="666"/>
      <c r="DH14" s="666"/>
      <c r="DI14" s="666"/>
      <c r="DJ14" s="666"/>
      <c r="DK14" s="666"/>
      <c r="DL14" s="666"/>
      <c r="DM14" s="666"/>
      <c r="DN14" s="666"/>
      <c r="DO14" s="666"/>
      <c r="DP14" s="667"/>
      <c r="DQ14" s="671">
        <v>2389511</v>
      </c>
      <c r="DR14" s="666"/>
      <c r="DS14" s="666"/>
      <c r="DT14" s="666"/>
      <c r="DU14" s="666"/>
      <c r="DV14" s="666"/>
      <c r="DW14" s="666"/>
      <c r="DX14" s="666"/>
      <c r="DY14" s="666"/>
      <c r="DZ14" s="666"/>
      <c r="EA14" s="666"/>
      <c r="EB14" s="666"/>
      <c r="EC14" s="706"/>
    </row>
    <row r="15" spans="2:143" ht="11.25" customHeight="1" x14ac:dyDescent="0.2">
      <c r="B15" s="662" t="s">
        <v>260</v>
      </c>
      <c r="C15" s="663"/>
      <c r="D15" s="663"/>
      <c r="E15" s="663"/>
      <c r="F15" s="663"/>
      <c r="G15" s="663"/>
      <c r="H15" s="663"/>
      <c r="I15" s="663"/>
      <c r="J15" s="663"/>
      <c r="K15" s="663"/>
      <c r="L15" s="663"/>
      <c r="M15" s="663"/>
      <c r="N15" s="663"/>
      <c r="O15" s="663"/>
      <c r="P15" s="663"/>
      <c r="Q15" s="664"/>
      <c r="R15" s="665" t="s">
        <v>129</v>
      </c>
      <c r="S15" s="666"/>
      <c r="T15" s="666"/>
      <c r="U15" s="666"/>
      <c r="V15" s="666"/>
      <c r="W15" s="666"/>
      <c r="X15" s="666"/>
      <c r="Y15" s="667"/>
      <c r="Z15" s="692" t="s">
        <v>129</v>
      </c>
      <c r="AA15" s="692"/>
      <c r="AB15" s="692"/>
      <c r="AC15" s="692"/>
      <c r="AD15" s="693" t="s">
        <v>129</v>
      </c>
      <c r="AE15" s="693"/>
      <c r="AF15" s="693"/>
      <c r="AG15" s="693"/>
      <c r="AH15" s="693"/>
      <c r="AI15" s="693"/>
      <c r="AJ15" s="693"/>
      <c r="AK15" s="693"/>
      <c r="AL15" s="668" t="s">
        <v>129</v>
      </c>
      <c r="AM15" s="669"/>
      <c r="AN15" s="669"/>
      <c r="AO15" s="694"/>
      <c r="AP15" s="662" t="s">
        <v>261</v>
      </c>
      <c r="AQ15" s="663"/>
      <c r="AR15" s="663"/>
      <c r="AS15" s="663"/>
      <c r="AT15" s="663"/>
      <c r="AU15" s="663"/>
      <c r="AV15" s="663"/>
      <c r="AW15" s="663"/>
      <c r="AX15" s="663"/>
      <c r="AY15" s="663"/>
      <c r="AZ15" s="663"/>
      <c r="BA15" s="663"/>
      <c r="BB15" s="663"/>
      <c r="BC15" s="663"/>
      <c r="BD15" s="663"/>
      <c r="BE15" s="663"/>
      <c r="BF15" s="664"/>
      <c r="BG15" s="665">
        <v>783034</v>
      </c>
      <c r="BH15" s="666"/>
      <c r="BI15" s="666"/>
      <c r="BJ15" s="666"/>
      <c r="BK15" s="666"/>
      <c r="BL15" s="666"/>
      <c r="BM15" s="666"/>
      <c r="BN15" s="667"/>
      <c r="BO15" s="692">
        <v>2.1</v>
      </c>
      <c r="BP15" s="692"/>
      <c r="BQ15" s="692"/>
      <c r="BR15" s="692"/>
      <c r="BS15" s="693" t="s">
        <v>129</v>
      </c>
      <c r="BT15" s="693"/>
      <c r="BU15" s="693"/>
      <c r="BV15" s="693"/>
      <c r="BW15" s="693"/>
      <c r="BX15" s="693"/>
      <c r="BY15" s="693"/>
      <c r="BZ15" s="693"/>
      <c r="CA15" s="693"/>
      <c r="CB15" s="751"/>
      <c r="CD15" s="707" t="s">
        <v>262</v>
      </c>
      <c r="CE15" s="704"/>
      <c r="CF15" s="704"/>
      <c r="CG15" s="704"/>
      <c r="CH15" s="704"/>
      <c r="CI15" s="704"/>
      <c r="CJ15" s="704"/>
      <c r="CK15" s="704"/>
      <c r="CL15" s="704"/>
      <c r="CM15" s="704"/>
      <c r="CN15" s="704"/>
      <c r="CO15" s="704"/>
      <c r="CP15" s="704"/>
      <c r="CQ15" s="705"/>
      <c r="CR15" s="665">
        <v>6739102</v>
      </c>
      <c r="CS15" s="666"/>
      <c r="CT15" s="666"/>
      <c r="CU15" s="666"/>
      <c r="CV15" s="666"/>
      <c r="CW15" s="666"/>
      <c r="CX15" s="666"/>
      <c r="CY15" s="667"/>
      <c r="CZ15" s="692">
        <v>10.4</v>
      </c>
      <c r="DA15" s="692"/>
      <c r="DB15" s="692"/>
      <c r="DC15" s="692"/>
      <c r="DD15" s="671">
        <v>647296</v>
      </c>
      <c r="DE15" s="666"/>
      <c r="DF15" s="666"/>
      <c r="DG15" s="666"/>
      <c r="DH15" s="666"/>
      <c r="DI15" s="666"/>
      <c r="DJ15" s="666"/>
      <c r="DK15" s="666"/>
      <c r="DL15" s="666"/>
      <c r="DM15" s="666"/>
      <c r="DN15" s="666"/>
      <c r="DO15" s="666"/>
      <c r="DP15" s="667"/>
      <c r="DQ15" s="671">
        <v>5439276</v>
      </c>
      <c r="DR15" s="666"/>
      <c r="DS15" s="666"/>
      <c r="DT15" s="666"/>
      <c r="DU15" s="666"/>
      <c r="DV15" s="666"/>
      <c r="DW15" s="666"/>
      <c r="DX15" s="666"/>
      <c r="DY15" s="666"/>
      <c r="DZ15" s="666"/>
      <c r="EA15" s="666"/>
      <c r="EB15" s="666"/>
      <c r="EC15" s="706"/>
    </row>
    <row r="16" spans="2:143" ht="11.25" customHeight="1" x14ac:dyDescent="0.2">
      <c r="B16" s="662" t="s">
        <v>263</v>
      </c>
      <c r="C16" s="663"/>
      <c r="D16" s="663"/>
      <c r="E16" s="663"/>
      <c r="F16" s="663"/>
      <c r="G16" s="663"/>
      <c r="H16" s="663"/>
      <c r="I16" s="663"/>
      <c r="J16" s="663"/>
      <c r="K16" s="663"/>
      <c r="L16" s="663"/>
      <c r="M16" s="663"/>
      <c r="N16" s="663"/>
      <c r="O16" s="663"/>
      <c r="P16" s="663"/>
      <c r="Q16" s="664"/>
      <c r="R16" s="665">
        <v>56729</v>
      </c>
      <c r="S16" s="666"/>
      <c r="T16" s="666"/>
      <c r="U16" s="666"/>
      <c r="V16" s="666"/>
      <c r="W16" s="666"/>
      <c r="X16" s="666"/>
      <c r="Y16" s="667"/>
      <c r="Z16" s="692">
        <v>0.1</v>
      </c>
      <c r="AA16" s="692"/>
      <c r="AB16" s="692"/>
      <c r="AC16" s="692"/>
      <c r="AD16" s="693">
        <v>56729</v>
      </c>
      <c r="AE16" s="693"/>
      <c r="AF16" s="693"/>
      <c r="AG16" s="693"/>
      <c r="AH16" s="693"/>
      <c r="AI16" s="693"/>
      <c r="AJ16" s="693"/>
      <c r="AK16" s="693"/>
      <c r="AL16" s="668">
        <v>0.1</v>
      </c>
      <c r="AM16" s="669"/>
      <c r="AN16" s="669"/>
      <c r="AO16" s="694"/>
      <c r="AP16" s="662" t="s">
        <v>264</v>
      </c>
      <c r="AQ16" s="663"/>
      <c r="AR16" s="663"/>
      <c r="AS16" s="663"/>
      <c r="AT16" s="663"/>
      <c r="AU16" s="663"/>
      <c r="AV16" s="663"/>
      <c r="AW16" s="663"/>
      <c r="AX16" s="663"/>
      <c r="AY16" s="663"/>
      <c r="AZ16" s="663"/>
      <c r="BA16" s="663"/>
      <c r="BB16" s="663"/>
      <c r="BC16" s="663"/>
      <c r="BD16" s="663"/>
      <c r="BE16" s="663"/>
      <c r="BF16" s="664"/>
      <c r="BG16" s="665" t="s">
        <v>129</v>
      </c>
      <c r="BH16" s="666"/>
      <c r="BI16" s="666"/>
      <c r="BJ16" s="666"/>
      <c r="BK16" s="666"/>
      <c r="BL16" s="666"/>
      <c r="BM16" s="666"/>
      <c r="BN16" s="667"/>
      <c r="BO16" s="692" t="s">
        <v>129</v>
      </c>
      <c r="BP16" s="692"/>
      <c r="BQ16" s="692"/>
      <c r="BR16" s="692"/>
      <c r="BS16" s="693" t="s">
        <v>129</v>
      </c>
      <c r="BT16" s="693"/>
      <c r="BU16" s="693"/>
      <c r="BV16" s="693"/>
      <c r="BW16" s="693"/>
      <c r="BX16" s="693"/>
      <c r="BY16" s="693"/>
      <c r="BZ16" s="693"/>
      <c r="CA16" s="693"/>
      <c r="CB16" s="751"/>
      <c r="CD16" s="707" t="s">
        <v>265</v>
      </c>
      <c r="CE16" s="704"/>
      <c r="CF16" s="704"/>
      <c r="CG16" s="704"/>
      <c r="CH16" s="704"/>
      <c r="CI16" s="704"/>
      <c r="CJ16" s="704"/>
      <c r="CK16" s="704"/>
      <c r="CL16" s="704"/>
      <c r="CM16" s="704"/>
      <c r="CN16" s="704"/>
      <c r="CO16" s="704"/>
      <c r="CP16" s="704"/>
      <c r="CQ16" s="705"/>
      <c r="CR16" s="665">
        <v>56068</v>
      </c>
      <c r="CS16" s="666"/>
      <c r="CT16" s="666"/>
      <c r="CU16" s="666"/>
      <c r="CV16" s="666"/>
      <c r="CW16" s="666"/>
      <c r="CX16" s="666"/>
      <c r="CY16" s="667"/>
      <c r="CZ16" s="692">
        <v>0.1</v>
      </c>
      <c r="DA16" s="692"/>
      <c r="DB16" s="692"/>
      <c r="DC16" s="692"/>
      <c r="DD16" s="671" t="s">
        <v>129</v>
      </c>
      <c r="DE16" s="666"/>
      <c r="DF16" s="666"/>
      <c r="DG16" s="666"/>
      <c r="DH16" s="666"/>
      <c r="DI16" s="666"/>
      <c r="DJ16" s="666"/>
      <c r="DK16" s="666"/>
      <c r="DL16" s="666"/>
      <c r="DM16" s="666"/>
      <c r="DN16" s="666"/>
      <c r="DO16" s="666"/>
      <c r="DP16" s="667"/>
      <c r="DQ16" s="671">
        <v>13073</v>
      </c>
      <c r="DR16" s="666"/>
      <c r="DS16" s="666"/>
      <c r="DT16" s="666"/>
      <c r="DU16" s="666"/>
      <c r="DV16" s="666"/>
      <c r="DW16" s="666"/>
      <c r="DX16" s="666"/>
      <c r="DY16" s="666"/>
      <c r="DZ16" s="666"/>
      <c r="EA16" s="666"/>
      <c r="EB16" s="666"/>
      <c r="EC16" s="706"/>
    </row>
    <row r="17" spans="2:133" ht="11.25" customHeight="1" x14ac:dyDescent="0.2">
      <c r="B17" s="662" t="s">
        <v>266</v>
      </c>
      <c r="C17" s="663"/>
      <c r="D17" s="663"/>
      <c r="E17" s="663"/>
      <c r="F17" s="663"/>
      <c r="G17" s="663"/>
      <c r="H17" s="663"/>
      <c r="I17" s="663"/>
      <c r="J17" s="663"/>
      <c r="K17" s="663"/>
      <c r="L17" s="663"/>
      <c r="M17" s="663"/>
      <c r="N17" s="663"/>
      <c r="O17" s="663"/>
      <c r="P17" s="663"/>
      <c r="Q17" s="664"/>
      <c r="R17" s="665">
        <v>287908</v>
      </c>
      <c r="S17" s="666"/>
      <c r="T17" s="666"/>
      <c r="U17" s="666"/>
      <c r="V17" s="666"/>
      <c r="W17" s="666"/>
      <c r="X17" s="666"/>
      <c r="Y17" s="667"/>
      <c r="Z17" s="692">
        <v>0.4</v>
      </c>
      <c r="AA17" s="692"/>
      <c r="AB17" s="692"/>
      <c r="AC17" s="692"/>
      <c r="AD17" s="693">
        <v>287908</v>
      </c>
      <c r="AE17" s="693"/>
      <c r="AF17" s="693"/>
      <c r="AG17" s="693"/>
      <c r="AH17" s="693"/>
      <c r="AI17" s="693"/>
      <c r="AJ17" s="693"/>
      <c r="AK17" s="693"/>
      <c r="AL17" s="668">
        <v>0.7</v>
      </c>
      <c r="AM17" s="669"/>
      <c r="AN17" s="669"/>
      <c r="AO17" s="694"/>
      <c r="AP17" s="662" t="s">
        <v>267</v>
      </c>
      <c r="AQ17" s="663"/>
      <c r="AR17" s="663"/>
      <c r="AS17" s="663"/>
      <c r="AT17" s="663"/>
      <c r="AU17" s="663"/>
      <c r="AV17" s="663"/>
      <c r="AW17" s="663"/>
      <c r="AX17" s="663"/>
      <c r="AY17" s="663"/>
      <c r="AZ17" s="663"/>
      <c r="BA17" s="663"/>
      <c r="BB17" s="663"/>
      <c r="BC17" s="663"/>
      <c r="BD17" s="663"/>
      <c r="BE17" s="663"/>
      <c r="BF17" s="664"/>
      <c r="BG17" s="665" t="s">
        <v>129</v>
      </c>
      <c r="BH17" s="666"/>
      <c r="BI17" s="666"/>
      <c r="BJ17" s="666"/>
      <c r="BK17" s="666"/>
      <c r="BL17" s="666"/>
      <c r="BM17" s="666"/>
      <c r="BN17" s="667"/>
      <c r="BO17" s="692" t="s">
        <v>129</v>
      </c>
      <c r="BP17" s="692"/>
      <c r="BQ17" s="692"/>
      <c r="BR17" s="692"/>
      <c r="BS17" s="693" t="s">
        <v>129</v>
      </c>
      <c r="BT17" s="693"/>
      <c r="BU17" s="693"/>
      <c r="BV17" s="693"/>
      <c r="BW17" s="693"/>
      <c r="BX17" s="693"/>
      <c r="BY17" s="693"/>
      <c r="BZ17" s="693"/>
      <c r="CA17" s="693"/>
      <c r="CB17" s="751"/>
      <c r="CD17" s="707" t="s">
        <v>268</v>
      </c>
      <c r="CE17" s="704"/>
      <c r="CF17" s="704"/>
      <c r="CG17" s="704"/>
      <c r="CH17" s="704"/>
      <c r="CI17" s="704"/>
      <c r="CJ17" s="704"/>
      <c r="CK17" s="704"/>
      <c r="CL17" s="704"/>
      <c r="CM17" s="704"/>
      <c r="CN17" s="704"/>
      <c r="CO17" s="704"/>
      <c r="CP17" s="704"/>
      <c r="CQ17" s="705"/>
      <c r="CR17" s="665">
        <v>4230131</v>
      </c>
      <c r="CS17" s="666"/>
      <c r="CT17" s="666"/>
      <c r="CU17" s="666"/>
      <c r="CV17" s="666"/>
      <c r="CW17" s="666"/>
      <c r="CX17" s="666"/>
      <c r="CY17" s="667"/>
      <c r="CZ17" s="692">
        <v>6.5</v>
      </c>
      <c r="DA17" s="692"/>
      <c r="DB17" s="692"/>
      <c r="DC17" s="692"/>
      <c r="DD17" s="671" t="s">
        <v>129</v>
      </c>
      <c r="DE17" s="666"/>
      <c r="DF17" s="666"/>
      <c r="DG17" s="666"/>
      <c r="DH17" s="666"/>
      <c r="DI17" s="666"/>
      <c r="DJ17" s="666"/>
      <c r="DK17" s="666"/>
      <c r="DL17" s="666"/>
      <c r="DM17" s="666"/>
      <c r="DN17" s="666"/>
      <c r="DO17" s="666"/>
      <c r="DP17" s="667"/>
      <c r="DQ17" s="671">
        <v>4230131</v>
      </c>
      <c r="DR17" s="666"/>
      <c r="DS17" s="666"/>
      <c r="DT17" s="666"/>
      <c r="DU17" s="666"/>
      <c r="DV17" s="666"/>
      <c r="DW17" s="666"/>
      <c r="DX17" s="666"/>
      <c r="DY17" s="666"/>
      <c r="DZ17" s="666"/>
      <c r="EA17" s="666"/>
      <c r="EB17" s="666"/>
      <c r="EC17" s="706"/>
    </row>
    <row r="18" spans="2:133" ht="11.25" customHeight="1" x14ac:dyDescent="0.2">
      <c r="B18" s="662" t="s">
        <v>269</v>
      </c>
      <c r="C18" s="663"/>
      <c r="D18" s="663"/>
      <c r="E18" s="663"/>
      <c r="F18" s="663"/>
      <c r="G18" s="663"/>
      <c r="H18" s="663"/>
      <c r="I18" s="663"/>
      <c r="J18" s="663"/>
      <c r="K18" s="663"/>
      <c r="L18" s="663"/>
      <c r="M18" s="663"/>
      <c r="N18" s="663"/>
      <c r="O18" s="663"/>
      <c r="P18" s="663"/>
      <c r="Q18" s="664"/>
      <c r="R18" s="665">
        <v>322171</v>
      </c>
      <c r="S18" s="666"/>
      <c r="T18" s="666"/>
      <c r="U18" s="666"/>
      <c r="V18" s="666"/>
      <c r="W18" s="666"/>
      <c r="X18" s="666"/>
      <c r="Y18" s="667"/>
      <c r="Z18" s="692">
        <v>0.5</v>
      </c>
      <c r="AA18" s="692"/>
      <c r="AB18" s="692"/>
      <c r="AC18" s="692"/>
      <c r="AD18" s="693">
        <v>303704</v>
      </c>
      <c r="AE18" s="693"/>
      <c r="AF18" s="693"/>
      <c r="AG18" s="693"/>
      <c r="AH18" s="693"/>
      <c r="AI18" s="693"/>
      <c r="AJ18" s="693"/>
      <c r="AK18" s="693"/>
      <c r="AL18" s="668">
        <v>0.80000001192092896</v>
      </c>
      <c r="AM18" s="669"/>
      <c r="AN18" s="669"/>
      <c r="AO18" s="694"/>
      <c r="AP18" s="662" t="s">
        <v>270</v>
      </c>
      <c r="AQ18" s="663"/>
      <c r="AR18" s="663"/>
      <c r="AS18" s="663"/>
      <c r="AT18" s="663"/>
      <c r="AU18" s="663"/>
      <c r="AV18" s="663"/>
      <c r="AW18" s="663"/>
      <c r="AX18" s="663"/>
      <c r="AY18" s="663"/>
      <c r="AZ18" s="663"/>
      <c r="BA18" s="663"/>
      <c r="BB18" s="663"/>
      <c r="BC18" s="663"/>
      <c r="BD18" s="663"/>
      <c r="BE18" s="663"/>
      <c r="BF18" s="664"/>
      <c r="BG18" s="665" t="s">
        <v>129</v>
      </c>
      <c r="BH18" s="666"/>
      <c r="BI18" s="666"/>
      <c r="BJ18" s="666"/>
      <c r="BK18" s="666"/>
      <c r="BL18" s="666"/>
      <c r="BM18" s="666"/>
      <c r="BN18" s="667"/>
      <c r="BO18" s="692" t="s">
        <v>129</v>
      </c>
      <c r="BP18" s="692"/>
      <c r="BQ18" s="692"/>
      <c r="BR18" s="692"/>
      <c r="BS18" s="693" t="s">
        <v>129</v>
      </c>
      <c r="BT18" s="693"/>
      <c r="BU18" s="693"/>
      <c r="BV18" s="693"/>
      <c r="BW18" s="693"/>
      <c r="BX18" s="693"/>
      <c r="BY18" s="693"/>
      <c r="BZ18" s="693"/>
      <c r="CA18" s="693"/>
      <c r="CB18" s="751"/>
      <c r="CD18" s="707" t="s">
        <v>271</v>
      </c>
      <c r="CE18" s="704"/>
      <c r="CF18" s="704"/>
      <c r="CG18" s="704"/>
      <c r="CH18" s="704"/>
      <c r="CI18" s="704"/>
      <c r="CJ18" s="704"/>
      <c r="CK18" s="704"/>
      <c r="CL18" s="704"/>
      <c r="CM18" s="704"/>
      <c r="CN18" s="704"/>
      <c r="CO18" s="704"/>
      <c r="CP18" s="704"/>
      <c r="CQ18" s="705"/>
      <c r="CR18" s="665" t="s">
        <v>129</v>
      </c>
      <c r="CS18" s="666"/>
      <c r="CT18" s="666"/>
      <c r="CU18" s="666"/>
      <c r="CV18" s="666"/>
      <c r="CW18" s="666"/>
      <c r="CX18" s="666"/>
      <c r="CY18" s="667"/>
      <c r="CZ18" s="692" t="s">
        <v>129</v>
      </c>
      <c r="DA18" s="692"/>
      <c r="DB18" s="692"/>
      <c r="DC18" s="692"/>
      <c r="DD18" s="671" t="s">
        <v>129</v>
      </c>
      <c r="DE18" s="666"/>
      <c r="DF18" s="666"/>
      <c r="DG18" s="666"/>
      <c r="DH18" s="666"/>
      <c r="DI18" s="666"/>
      <c r="DJ18" s="666"/>
      <c r="DK18" s="666"/>
      <c r="DL18" s="666"/>
      <c r="DM18" s="666"/>
      <c r="DN18" s="666"/>
      <c r="DO18" s="666"/>
      <c r="DP18" s="667"/>
      <c r="DQ18" s="671" t="s">
        <v>129</v>
      </c>
      <c r="DR18" s="666"/>
      <c r="DS18" s="666"/>
      <c r="DT18" s="666"/>
      <c r="DU18" s="666"/>
      <c r="DV18" s="666"/>
      <c r="DW18" s="666"/>
      <c r="DX18" s="666"/>
      <c r="DY18" s="666"/>
      <c r="DZ18" s="666"/>
      <c r="EA18" s="666"/>
      <c r="EB18" s="666"/>
      <c r="EC18" s="706"/>
    </row>
    <row r="19" spans="2:133" ht="11.25" customHeight="1" x14ac:dyDescent="0.2">
      <c r="B19" s="662" t="s">
        <v>272</v>
      </c>
      <c r="C19" s="663"/>
      <c r="D19" s="663"/>
      <c r="E19" s="663"/>
      <c r="F19" s="663"/>
      <c r="G19" s="663"/>
      <c r="H19" s="663"/>
      <c r="I19" s="663"/>
      <c r="J19" s="663"/>
      <c r="K19" s="663"/>
      <c r="L19" s="663"/>
      <c r="M19" s="663"/>
      <c r="N19" s="663"/>
      <c r="O19" s="663"/>
      <c r="P19" s="663"/>
      <c r="Q19" s="664"/>
      <c r="R19" s="665">
        <v>129662</v>
      </c>
      <c r="S19" s="666"/>
      <c r="T19" s="666"/>
      <c r="U19" s="666"/>
      <c r="V19" s="666"/>
      <c r="W19" s="666"/>
      <c r="X19" s="666"/>
      <c r="Y19" s="667"/>
      <c r="Z19" s="692">
        <v>0.2</v>
      </c>
      <c r="AA19" s="692"/>
      <c r="AB19" s="692"/>
      <c r="AC19" s="692"/>
      <c r="AD19" s="693">
        <v>129662</v>
      </c>
      <c r="AE19" s="693"/>
      <c r="AF19" s="693"/>
      <c r="AG19" s="693"/>
      <c r="AH19" s="693"/>
      <c r="AI19" s="693"/>
      <c r="AJ19" s="693"/>
      <c r="AK19" s="693"/>
      <c r="AL19" s="668">
        <v>0.3</v>
      </c>
      <c r="AM19" s="669"/>
      <c r="AN19" s="669"/>
      <c r="AO19" s="694"/>
      <c r="AP19" s="662" t="s">
        <v>273</v>
      </c>
      <c r="AQ19" s="663"/>
      <c r="AR19" s="663"/>
      <c r="AS19" s="663"/>
      <c r="AT19" s="663"/>
      <c r="AU19" s="663"/>
      <c r="AV19" s="663"/>
      <c r="AW19" s="663"/>
      <c r="AX19" s="663"/>
      <c r="AY19" s="663"/>
      <c r="AZ19" s="663"/>
      <c r="BA19" s="663"/>
      <c r="BB19" s="663"/>
      <c r="BC19" s="663"/>
      <c r="BD19" s="663"/>
      <c r="BE19" s="663"/>
      <c r="BF19" s="664"/>
      <c r="BG19" s="665">
        <v>3389266</v>
      </c>
      <c r="BH19" s="666"/>
      <c r="BI19" s="666"/>
      <c r="BJ19" s="666"/>
      <c r="BK19" s="666"/>
      <c r="BL19" s="666"/>
      <c r="BM19" s="666"/>
      <c r="BN19" s="667"/>
      <c r="BO19" s="692">
        <v>9.3000000000000007</v>
      </c>
      <c r="BP19" s="692"/>
      <c r="BQ19" s="692"/>
      <c r="BR19" s="692"/>
      <c r="BS19" s="693" t="s">
        <v>129</v>
      </c>
      <c r="BT19" s="693"/>
      <c r="BU19" s="693"/>
      <c r="BV19" s="693"/>
      <c r="BW19" s="693"/>
      <c r="BX19" s="693"/>
      <c r="BY19" s="693"/>
      <c r="BZ19" s="693"/>
      <c r="CA19" s="693"/>
      <c r="CB19" s="751"/>
      <c r="CD19" s="707" t="s">
        <v>274</v>
      </c>
      <c r="CE19" s="704"/>
      <c r="CF19" s="704"/>
      <c r="CG19" s="704"/>
      <c r="CH19" s="704"/>
      <c r="CI19" s="704"/>
      <c r="CJ19" s="704"/>
      <c r="CK19" s="704"/>
      <c r="CL19" s="704"/>
      <c r="CM19" s="704"/>
      <c r="CN19" s="704"/>
      <c r="CO19" s="704"/>
      <c r="CP19" s="704"/>
      <c r="CQ19" s="705"/>
      <c r="CR19" s="665" t="s">
        <v>129</v>
      </c>
      <c r="CS19" s="666"/>
      <c r="CT19" s="666"/>
      <c r="CU19" s="666"/>
      <c r="CV19" s="666"/>
      <c r="CW19" s="666"/>
      <c r="CX19" s="666"/>
      <c r="CY19" s="667"/>
      <c r="CZ19" s="692" t="s">
        <v>129</v>
      </c>
      <c r="DA19" s="692"/>
      <c r="DB19" s="692"/>
      <c r="DC19" s="692"/>
      <c r="DD19" s="671" t="s">
        <v>129</v>
      </c>
      <c r="DE19" s="666"/>
      <c r="DF19" s="666"/>
      <c r="DG19" s="666"/>
      <c r="DH19" s="666"/>
      <c r="DI19" s="666"/>
      <c r="DJ19" s="666"/>
      <c r="DK19" s="666"/>
      <c r="DL19" s="666"/>
      <c r="DM19" s="666"/>
      <c r="DN19" s="666"/>
      <c r="DO19" s="666"/>
      <c r="DP19" s="667"/>
      <c r="DQ19" s="671" t="s">
        <v>129</v>
      </c>
      <c r="DR19" s="666"/>
      <c r="DS19" s="666"/>
      <c r="DT19" s="666"/>
      <c r="DU19" s="666"/>
      <c r="DV19" s="666"/>
      <c r="DW19" s="666"/>
      <c r="DX19" s="666"/>
      <c r="DY19" s="666"/>
      <c r="DZ19" s="666"/>
      <c r="EA19" s="666"/>
      <c r="EB19" s="666"/>
      <c r="EC19" s="706"/>
    </row>
    <row r="20" spans="2:133" ht="11.25" customHeight="1" x14ac:dyDescent="0.2">
      <c r="B20" s="662" t="s">
        <v>275</v>
      </c>
      <c r="C20" s="663"/>
      <c r="D20" s="663"/>
      <c r="E20" s="663"/>
      <c r="F20" s="663"/>
      <c r="G20" s="663"/>
      <c r="H20" s="663"/>
      <c r="I20" s="663"/>
      <c r="J20" s="663"/>
      <c r="K20" s="663"/>
      <c r="L20" s="663"/>
      <c r="M20" s="663"/>
      <c r="N20" s="663"/>
      <c r="O20" s="663"/>
      <c r="P20" s="663"/>
      <c r="Q20" s="664"/>
      <c r="R20" s="665">
        <v>17852</v>
      </c>
      <c r="S20" s="666"/>
      <c r="T20" s="666"/>
      <c r="U20" s="666"/>
      <c r="V20" s="666"/>
      <c r="W20" s="666"/>
      <c r="X20" s="666"/>
      <c r="Y20" s="667"/>
      <c r="Z20" s="692">
        <v>0</v>
      </c>
      <c r="AA20" s="692"/>
      <c r="AB20" s="692"/>
      <c r="AC20" s="692"/>
      <c r="AD20" s="693">
        <v>17852</v>
      </c>
      <c r="AE20" s="693"/>
      <c r="AF20" s="693"/>
      <c r="AG20" s="693"/>
      <c r="AH20" s="693"/>
      <c r="AI20" s="693"/>
      <c r="AJ20" s="693"/>
      <c r="AK20" s="693"/>
      <c r="AL20" s="668">
        <v>0</v>
      </c>
      <c r="AM20" s="669"/>
      <c r="AN20" s="669"/>
      <c r="AO20" s="694"/>
      <c r="AP20" s="662" t="s">
        <v>276</v>
      </c>
      <c r="AQ20" s="663"/>
      <c r="AR20" s="663"/>
      <c r="AS20" s="663"/>
      <c r="AT20" s="663"/>
      <c r="AU20" s="663"/>
      <c r="AV20" s="663"/>
      <c r="AW20" s="663"/>
      <c r="AX20" s="663"/>
      <c r="AY20" s="663"/>
      <c r="AZ20" s="663"/>
      <c r="BA20" s="663"/>
      <c r="BB20" s="663"/>
      <c r="BC20" s="663"/>
      <c r="BD20" s="663"/>
      <c r="BE20" s="663"/>
      <c r="BF20" s="664"/>
      <c r="BG20" s="665">
        <v>3389266</v>
      </c>
      <c r="BH20" s="666"/>
      <c r="BI20" s="666"/>
      <c r="BJ20" s="666"/>
      <c r="BK20" s="666"/>
      <c r="BL20" s="666"/>
      <c r="BM20" s="666"/>
      <c r="BN20" s="667"/>
      <c r="BO20" s="692">
        <v>9.3000000000000007</v>
      </c>
      <c r="BP20" s="692"/>
      <c r="BQ20" s="692"/>
      <c r="BR20" s="692"/>
      <c r="BS20" s="693" t="s">
        <v>129</v>
      </c>
      <c r="BT20" s="693"/>
      <c r="BU20" s="693"/>
      <c r="BV20" s="693"/>
      <c r="BW20" s="693"/>
      <c r="BX20" s="693"/>
      <c r="BY20" s="693"/>
      <c r="BZ20" s="693"/>
      <c r="CA20" s="693"/>
      <c r="CB20" s="751"/>
      <c r="CD20" s="707" t="s">
        <v>277</v>
      </c>
      <c r="CE20" s="704"/>
      <c r="CF20" s="704"/>
      <c r="CG20" s="704"/>
      <c r="CH20" s="704"/>
      <c r="CI20" s="704"/>
      <c r="CJ20" s="704"/>
      <c r="CK20" s="704"/>
      <c r="CL20" s="704"/>
      <c r="CM20" s="704"/>
      <c r="CN20" s="704"/>
      <c r="CO20" s="704"/>
      <c r="CP20" s="704"/>
      <c r="CQ20" s="705"/>
      <c r="CR20" s="665">
        <v>64948417</v>
      </c>
      <c r="CS20" s="666"/>
      <c r="CT20" s="666"/>
      <c r="CU20" s="666"/>
      <c r="CV20" s="666"/>
      <c r="CW20" s="666"/>
      <c r="CX20" s="666"/>
      <c r="CY20" s="667"/>
      <c r="CZ20" s="692">
        <v>100</v>
      </c>
      <c r="DA20" s="692"/>
      <c r="DB20" s="692"/>
      <c r="DC20" s="692"/>
      <c r="DD20" s="671">
        <v>2513949</v>
      </c>
      <c r="DE20" s="666"/>
      <c r="DF20" s="666"/>
      <c r="DG20" s="666"/>
      <c r="DH20" s="666"/>
      <c r="DI20" s="666"/>
      <c r="DJ20" s="666"/>
      <c r="DK20" s="666"/>
      <c r="DL20" s="666"/>
      <c r="DM20" s="666"/>
      <c r="DN20" s="666"/>
      <c r="DO20" s="666"/>
      <c r="DP20" s="667"/>
      <c r="DQ20" s="671">
        <v>44578539</v>
      </c>
      <c r="DR20" s="666"/>
      <c r="DS20" s="666"/>
      <c r="DT20" s="666"/>
      <c r="DU20" s="666"/>
      <c r="DV20" s="666"/>
      <c r="DW20" s="666"/>
      <c r="DX20" s="666"/>
      <c r="DY20" s="666"/>
      <c r="DZ20" s="666"/>
      <c r="EA20" s="666"/>
      <c r="EB20" s="666"/>
      <c r="EC20" s="706"/>
    </row>
    <row r="21" spans="2:133" ht="11.25" customHeight="1" x14ac:dyDescent="0.2">
      <c r="B21" s="662" t="s">
        <v>278</v>
      </c>
      <c r="C21" s="663"/>
      <c r="D21" s="663"/>
      <c r="E21" s="663"/>
      <c r="F21" s="663"/>
      <c r="G21" s="663"/>
      <c r="H21" s="663"/>
      <c r="I21" s="663"/>
      <c r="J21" s="663"/>
      <c r="K21" s="663"/>
      <c r="L21" s="663"/>
      <c r="M21" s="663"/>
      <c r="N21" s="663"/>
      <c r="O21" s="663"/>
      <c r="P21" s="663"/>
      <c r="Q21" s="664"/>
      <c r="R21" s="665">
        <v>3232</v>
      </c>
      <c r="S21" s="666"/>
      <c r="T21" s="666"/>
      <c r="U21" s="666"/>
      <c r="V21" s="666"/>
      <c r="W21" s="666"/>
      <c r="X21" s="666"/>
      <c r="Y21" s="667"/>
      <c r="Z21" s="692">
        <v>0</v>
      </c>
      <c r="AA21" s="692"/>
      <c r="AB21" s="692"/>
      <c r="AC21" s="692"/>
      <c r="AD21" s="693">
        <v>3232</v>
      </c>
      <c r="AE21" s="693"/>
      <c r="AF21" s="693"/>
      <c r="AG21" s="693"/>
      <c r="AH21" s="693"/>
      <c r="AI21" s="693"/>
      <c r="AJ21" s="693"/>
      <c r="AK21" s="693"/>
      <c r="AL21" s="668">
        <v>0</v>
      </c>
      <c r="AM21" s="669"/>
      <c r="AN21" s="669"/>
      <c r="AO21" s="694"/>
      <c r="AP21" s="758" t="s">
        <v>279</v>
      </c>
      <c r="AQ21" s="765"/>
      <c r="AR21" s="765"/>
      <c r="AS21" s="765"/>
      <c r="AT21" s="765"/>
      <c r="AU21" s="765"/>
      <c r="AV21" s="765"/>
      <c r="AW21" s="765"/>
      <c r="AX21" s="765"/>
      <c r="AY21" s="765"/>
      <c r="AZ21" s="765"/>
      <c r="BA21" s="765"/>
      <c r="BB21" s="765"/>
      <c r="BC21" s="765"/>
      <c r="BD21" s="765"/>
      <c r="BE21" s="765"/>
      <c r="BF21" s="760"/>
      <c r="BG21" s="665" t="s">
        <v>129</v>
      </c>
      <c r="BH21" s="666"/>
      <c r="BI21" s="666"/>
      <c r="BJ21" s="666"/>
      <c r="BK21" s="666"/>
      <c r="BL21" s="666"/>
      <c r="BM21" s="666"/>
      <c r="BN21" s="667"/>
      <c r="BO21" s="692" t="s">
        <v>129</v>
      </c>
      <c r="BP21" s="692"/>
      <c r="BQ21" s="692"/>
      <c r="BR21" s="692"/>
      <c r="BS21" s="693" t="s">
        <v>129</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80</v>
      </c>
      <c r="C22" s="729"/>
      <c r="D22" s="729"/>
      <c r="E22" s="729"/>
      <c r="F22" s="729"/>
      <c r="G22" s="729"/>
      <c r="H22" s="729"/>
      <c r="I22" s="729"/>
      <c r="J22" s="729"/>
      <c r="K22" s="729"/>
      <c r="L22" s="729"/>
      <c r="M22" s="729"/>
      <c r="N22" s="729"/>
      <c r="O22" s="729"/>
      <c r="P22" s="729"/>
      <c r="Q22" s="730"/>
      <c r="R22" s="665">
        <v>171425</v>
      </c>
      <c r="S22" s="666"/>
      <c r="T22" s="666"/>
      <c r="U22" s="666"/>
      <c r="V22" s="666"/>
      <c r="W22" s="666"/>
      <c r="X22" s="666"/>
      <c r="Y22" s="667"/>
      <c r="Z22" s="692">
        <v>0.2</v>
      </c>
      <c r="AA22" s="692"/>
      <c r="AB22" s="692"/>
      <c r="AC22" s="692"/>
      <c r="AD22" s="693">
        <v>152958</v>
      </c>
      <c r="AE22" s="693"/>
      <c r="AF22" s="693"/>
      <c r="AG22" s="693"/>
      <c r="AH22" s="693"/>
      <c r="AI22" s="693"/>
      <c r="AJ22" s="693"/>
      <c r="AK22" s="693"/>
      <c r="AL22" s="668">
        <v>0.40000000596046448</v>
      </c>
      <c r="AM22" s="669"/>
      <c r="AN22" s="669"/>
      <c r="AO22" s="694"/>
      <c r="AP22" s="758" t="s">
        <v>281</v>
      </c>
      <c r="AQ22" s="765"/>
      <c r="AR22" s="765"/>
      <c r="AS22" s="765"/>
      <c r="AT22" s="765"/>
      <c r="AU22" s="765"/>
      <c r="AV22" s="765"/>
      <c r="AW22" s="765"/>
      <c r="AX22" s="765"/>
      <c r="AY22" s="765"/>
      <c r="AZ22" s="765"/>
      <c r="BA22" s="765"/>
      <c r="BB22" s="765"/>
      <c r="BC22" s="765"/>
      <c r="BD22" s="765"/>
      <c r="BE22" s="765"/>
      <c r="BF22" s="760"/>
      <c r="BG22" s="665" t="s">
        <v>129</v>
      </c>
      <c r="BH22" s="666"/>
      <c r="BI22" s="666"/>
      <c r="BJ22" s="666"/>
      <c r="BK22" s="666"/>
      <c r="BL22" s="666"/>
      <c r="BM22" s="666"/>
      <c r="BN22" s="667"/>
      <c r="BO22" s="692" t="s">
        <v>129</v>
      </c>
      <c r="BP22" s="692"/>
      <c r="BQ22" s="692"/>
      <c r="BR22" s="692"/>
      <c r="BS22" s="693" t="s">
        <v>129</v>
      </c>
      <c r="BT22" s="693"/>
      <c r="BU22" s="693"/>
      <c r="BV22" s="693"/>
      <c r="BW22" s="693"/>
      <c r="BX22" s="693"/>
      <c r="BY22" s="693"/>
      <c r="BZ22" s="693"/>
      <c r="CA22" s="693"/>
      <c r="CB22" s="751"/>
      <c r="CD22" s="767" t="s">
        <v>282</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3</v>
      </c>
      <c r="C23" s="663"/>
      <c r="D23" s="663"/>
      <c r="E23" s="663"/>
      <c r="F23" s="663"/>
      <c r="G23" s="663"/>
      <c r="H23" s="663"/>
      <c r="I23" s="663"/>
      <c r="J23" s="663"/>
      <c r="K23" s="663"/>
      <c r="L23" s="663"/>
      <c r="M23" s="663"/>
      <c r="N23" s="663"/>
      <c r="O23" s="663"/>
      <c r="P23" s="663"/>
      <c r="Q23" s="664"/>
      <c r="R23" s="665">
        <v>26709</v>
      </c>
      <c r="S23" s="666"/>
      <c r="T23" s="666"/>
      <c r="U23" s="666"/>
      <c r="V23" s="666"/>
      <c r="W23" s="666"/>
      <c r="X23" s="666"/>
      <c r="Y23" s="667"/>
      <c r="Z23" s="692">
        <v>0</v>
      </c>
      <c r="AA23" s="692"/>
      <c r="AB23" s="692"/>
      <c r="AC23" s="692"/>
      <c r="AD23" s="693" t="s">
        <v>129</v>
      </c>
      <c r="AE23" s="693"/>
      <c r="AF23" s="693"/>
      <c r="AG23" s="693"/>
      <c r="AH23" s="693"/>
      <c r="AI23" s="693"/>
      <c r="AJ23" s="693"/>
      <c r="AK23" s="693"/>
      <c r="AL23" s="668" t="s">
        <v>129</v>
      </c>
      <c r="AM23" s="669"/>
      <c r="AN23" s="669"/>
      <c r="AO23" s="694"/>
      <c r="AP23" s="758" t="s">
        <v>284</v>
      </c>
      <c r="AQ23" s="765"/>
      <c r="AR23" s="765"/>
      <c r="AS23" s="765"/>
      <c r="AT23" s="765"/>
      <c r="AU23" s="765"/>
      <c r="AV23" s="765"/>
      <c r="AW23" s="765"/>
      <c r="AX23" s="765"/>
      <c r="AY23" s="765"/>
      <c r="AZ23" s="765"/>
      <c r="BA23" s="765"/>
      <c r="BB23" s="765"/>
      <c r="BC23" s="765"/>
      <c r="BD23" s="765"/>
      <c r="BE23" s="765"/>
      <c r="BF23" s="760"/>
      <c r="BG23" s="665">
        <v>3389266</v>
      </c>
      <c r="BH23" s="666"/>
      <c r="BI23" s="666"/>
      <c r="BJ23" s="666"/>
      <c r="BK23" s="666"/>
      <c r="BL23" s="666"/>
      <c r="BM23" s="666"/>
      <c r="BN23" s="667"/>
      <c r="BO23" s="692">
        <v>9.3000000000000007</v>
      </c>
      <c r="BP23" s="692"/>
      <c r="BQ23" s="692"/>
      <c r="BR23" s="692"/>
      <c r="BS23" s="693" t="s">
        <v>129</v>
      </c>
      <c r="BT23" s="693"/>
      <c r="BU23" s="693"/>
      <c r="BV23" s="693"/>
      <c r="BW23" s="693"/>
      <c r="BX23" s="693"/>
      <c r="BY23" s="693"/>
      <c r="BZ23" s="693"/>
      <c r="CA23" s="693"/>
      <c r="CB23" s="751"/>
      <c r="CD23" s="767" t="s">
        <v>224</v>
      </c>
      <c r="CE23" s="768"/>
      <c r="CF23" s="768"/>
      <c r="CG23" s="768"/>
      <c r="CH23" s="768"/>
      <c r="CI23" s="768"/>
      <c r="CJ23" s="768"/>
      <c r="CK23" s="768"/>
      <c r="CL23" s="768"/>
      <c r="CM23" s="768"/>
      <c r="CN23" s="768"/>
      <c r="CO23" s="768"/>
      <c r="CP23" s="768"/>
      <c r="CQ23" s="769"/>
      <c r="CR23" s="767" t="s">
        <v>285</v>
      </c>
      <c r="CS23" s="768"/>
      <c r="CT23" s="768"/>
      <c r="CU23" s="768"/>
      <c r="CV23" s="768"/>
      <c r="CW23" s="768"/>
      <c r="CX23" s="768"/>
      <c r="CY23" s="769"/>
      <c r="CZ23" s="767" t="s">
        <v>286</v>
      </c>
      <c r="DA23" s="768"/>
      <c r="DB23" s="768"/>
      <c r="DC23" s="769"/>
      <c r="DD23" s="767" t="s">
        <v>287</v>
      </c>
      <c r="DE23" s="768"/>
      <c r="DF23" s="768"/>
      <c r="DG23" s="768"/>
      <c r="DH23" s="768"/>
      <c r="DI23" s="768"/>
      <c r="DJ23" s="768"/>
      <c r="DK23" s="769"/>
      <c r="DL23" s="776" t="s">
        <v>288</v>
      </c>
      <c r="DM23" s="777"/>
      <c r="DN23" s="777"/>
      <c r="DO23" s="777"/>
      <c r="DP23" s="777"/>
      <c r="DQ23" s="777"/>
      <c r="DR23" s="777"/>
      <c r="DS23" s="777"/>
      <c r="DT23" s="777"/>
      <c r="DU23" s="777"/>
      <c r="DV23" s="778"/>
      <c r="DW23" s="767" t="s">
        <v>289</v>
      </c>
      <c r="DX23" s="768"/>
      <c r="DY23" s="768"/>
      <c r="DZ23" s="768"/>
      <c r="EA23" s="768"/>
      <c r="EB23" s="768"/>
      <c r="EC23" s="769"/>
    </row>
    <row r="24" spans="2:133" ht="11.25" customHeight="1" x14ac:dyDescent="0.2">
      <c r="B24" s="662" t="s">
        <v>290</v>
      </c>
      <c r="C24" s="663"/>
      <c r="D24" s="663"/>
      <c r="E24" s="663"/>
      <c r="F24" s="663"/>
      <c r="G24" s="663"/>
      <c r="H24" s="663"/>
      <c r="I24" s="663"/>
      <c r="J24" s="663"/>
      <c r="K24" s="663"/>
      <c r="L24" s="663"/>
      <c r="M24" s="663"/>
      <c r="N24" s="663"/>
      <c r="O24" s="663"/>
      <c r="P24" s="663"/>
      <c r="Q24" s="664"/>
      <c r="R24" s="665" t="s">
        <v>129</v>
      </c>
      <c r="S24" s="666"/>
      <c r="T24" s="666"/>
      <c r="U24" s="666"/>
      <c r="V24" s="666"/>
      <c r="W24" s="666"/>
      <c r="X24" s="666"/>
      <c r="Y24" s="667"/>
      <c r="Z24" s="692" t="s">
        <v>129</v>
      </c>
      <c r="AA24" s="692"/>
      <c r="AB24" s="692"/>
      <c r="AC24" s="692"/>
      <c r="AD24" s="693" t="s">
        <v>129</v>
      </c>
      <c r="AE24" s="693"/>
      <c r="AF24" s="693"/>
      <c r="AG24" s="693"/>
      <c r="AH24" s="693"/>
      <c r="AI24" s="693"/>
      <c r="AJ24" s="693"/>
      <c r="AK24" s="693"/>
      <c r="AL24" s="668" t="s">
        <v>129</v>
      </c>
      <c r="AM24" s="669"/>
      <c r="AN24" s="669"/>
      <c r="AO24" s="694"/>
      <c r="AP24" s="758" t="s">
        <v>291</v>
      </c>
      <c r="AQ24" s="765"/>
      <c r="AR24" s="765"/>
      <c r="AS24" s="765"/>
      <c r="AT24" s="765"/>
      <c r="AU24" s="765"/>
      <c r="AV24" s="765"/>
      <c r="AW24" s="765"/>
      <c r="AX24" s="765"/>
      <c r="AY24" s="765"/>
      <c r="AZ24" s="765"/>
      <c r="BA24" s="765"/>
      <c r="BB24" s="765"/>
      <c r="BC24" s="765"/>
      <c r="BD24" s="765"/>
      <c r="BE24" s="765"/>
      <c r="BF24" s="760"/>
      <c r="BG24" s="665" t="s">
        <v>129</v>
      </c>
      <c r="BH24" s="666"/>
      <c r="BI24" s="666"/>
      <c r="BJ24" s="666"/>
      <c r="BK24" s="666"/>
      <c r="BL24" s="666"/>
      <c r="BM24" s="666"/>
      <c r="BN24" s="667"/>
      <c r="BO24" s="692" t="s">
        <v>129</v>
      </c>
      <c r="BP24" s="692"/>
      <c r="BQ24" s="692"/>
      <c r="BR24" s="692"/>
      <c r="BS24" s="693" t="s">
        <v>129</v>
      </c>
      <c r="BT24" s="693"/>
      <c r="BU24" s="693"/>
      <c r="BV24" s="693"/>
      <c r="BW24" s="693"/>
      <c r="BX24" s="693"/>
      <c r="BY24" s="693"/>
      <c r="BZ24" s="693"/>
      <c r="CA24" s="693"/>
      <c r="CB24" s="751"/>
      <c r="CD24" s="721" t="s">
        <v>292</v>
      </c>
      <c r="CE24" s="722"/>
      <c r="CF24" s="722"/>
      <c r="CG24" s="722"/>
      <c r="CH24" s="722"/>
      <c r="CI24" s="722"/>
      <c r="CJ24" s="722"/>
      <c r="CK24" s="722"/>
      <c r="CL24" s="722"/>
      <c r="CM24" s="722"/>
      <c r="CN24" s="722"/>
      <c r="CO24" s="722"/>
      <c r="CP24" s="722"/>
      <c r="CQ24" s="723"/>
      <c r="CR24" s="718">
        <v>35117073</v>
      </c>
      <c r="CS24" s="719"/>
      <c r="CT24" s="719"/>
      <c r="CU24" s="719"/>
      <c r="CV24" s="719"/>
      <c r="CW24" s="719"/>
      <c r="CX24" s="719"/>
      <c r="CY24" s="762"/>
      <c r="CZ24" s="763">
        <v>54.1</v>
      </c>
      <c r="DA24" s="736"/>
      <c r="DB24" s="736"/>
      <c r="DC24" s="766"/>
      <c r="DD24" s="761">
        <v>21456876</v>
      </c>
      <c r="DE24" s="719"/>
      <c r="DF24" s="719"/>
      <c r="DG24" s="719"/>
      <c r="DH24" s="719"/>
      <c r="DI24" s="719"/>
      <c r="DJ24" s="719"/>
      <c r="DK24" s="762"/>
      <c r="DL24" s="761">
        <v>21273934</v>
      </c>
      <c r="DM24" s="719"/>
      <c r="DN24" s="719"/>
      <c r="DO24" s="719"/>
      <c r="DP24" s="719"/>
      <c r="DQ24" s="719"/>
      <c r="DR24" s="719"/>
      <c r="DS24" s="719"/>
      <c r="DT24" s="719"/>
      <c r="DU24" s="719"/>
      <c r="DV24" s="762"/>
      <c r="DW24" s="763">
        <v>54.6</v>
      </c>
      <c r="DX24" s="736"/>
      <c r="DY24" s="736"/>
      <c r="DZ24" s="736"/>
      <c r="EA24" s="736"/>
      <c r="EB24" s="736"/>
      <c r="EC24" s="764"/>
    </row>
    <row r="25" spans="2:133" ht="11.25" customHeight="1" x14ac:dyDescent="0.2">
      <c r="B25" s="662" t="s">
        <v>293</v>
      </c>
      <c r="C25" s="663"/>
      <c r="D25" s="663"/>
      <c r="E25" s="663"/>
      <c r="F25" s="663"/>
      <c r="G25" s="663"/>
      <c r="H25" s="663"/>
      <c r="I25" s="663"/>
      <c r="J25" s="663"/>
      <c r="K25" s="663"/>
      <c r="L25" s="663"/>
      <c r="M25" s="663"/>
      <c r="N25" s="663"/>
      <c r="O25" s="663"/>
      <c r="P25" s="663"/>
      <c r="Q25" s="664"/>
      <c r="R25" s="665">
        <v>26282</v>
      </c>
      <c r="S25" s="666"/>
      <c r="T25" s="666"/>
      <c r="U25" s="666"/>
      <c r="V25" s="666"/>
      <c r="W25" s="666"/>
      <c r="X25" s="666"/>
      <c r="Y25" s="667"/>
      <c r="Z25" s="692">
        <v>0</v>
      </c>
      <c r="AA25" s="692"/>
      <c r="AB25" s="692"/>
      <c r="AC25" s="692"/>
      <c r="AD25" s="693" t="s">
        <v>129</v>
      </c>
      <c r="AE25" s="693"/>
      <c r="AF25" s="693"/>
      <c r="AG25" s="693"/>
      <c r="AH25" s="693"/>
      <c r="AI25" s="693"/>
      <c r="AJ25" s="693"/>
      <c r="AK25" s="693"/>
      <c r="AL25" s="668" t="s">
        <v>129</v>
      </c>
      <c r="AM25" s="669"/>
      <c r="AN25" s="669"/>
      <c r="AO25" s="694"/>
      <c r="AP25" s="758" t="s">
        <v>294</v>
      </c>
      <c r="AQ25" s="765"/>
      <c r="AR25" s="765"/>
      <c r="AS25" s="765"/>
      <c r="AT25" s="765"/>
      <c r="AU25" s="765"/>
      <c r="AV25" s="765"/>
      <c r="AW25" s="765"/>
      <c r="AX25" s="765"/>
      <c r="AY25" s="765"/>
      <c r="AZ25" s="765"/>
      <c r="BA25" s="765"/>
      <c r="BB25" s="765"/>
      <c r="BC25" s="765"/>
      <c r="BD25" s="765"/>
      <c r="BE25" s="765"/>
      <c r="BF25" s="760"/>
      <c r="BG25" s="665" t="s">
        <v>129</v>
      </c>
      <c r="BH25" s="666"/>
      <c r="BI25" s="666"/>
      <c r="BJ25" s="666"/>
      <c r="BK25" s="666"/>
      <c r="BL25" s="666"/>
      <c r="BM25" s="666"/>
      <c r="BN25" s="667"/>
      <c r="BO25" s="692" t="s">
        <v>129</v>
      </c>
      <c r="BP25" s="692"/>
      <c r="BQ25" s="692"/>
      <c r="BR25" s="692"/>
      <c r="BS25" s="693" t="s">
        <v>129</v>
      </c>
      <c r="BT25" s="693"/>
      <c r="BU25" s="693"/>
      <c r="BV25" s="693"/>
      <c r="BW25" s="693"/>
      <c r="BX25" s="693"/>
      <c r="BY25" s="693"/>
      <c r="BZ25" s="693"/>
      <c r="CA25" s="693"/>
      <c r="CB25" s="751"/>
      <c r="CD25" s="707" t="s">
        <v>295</v>
      </c>
      <c r="CE25" s="704"/>
      <c r="CF25" s="704"/>
      <c r="CG25" s="704"/>
      <c r="CH25" s="704"/>
      <c r="CI25" s="704"/>
      <c r="CJ25" s="704"/>
      <c r="CK25" s="704"/>
      <c r="CL25" s="704"/>
      <c r="CM25" s="704"/>
      <c r="CN25" s="704"/>
      <c r="CO25" s="704"/>
      <c r="CP25" s="704"/>
      <c r="CQ25" s="705"/>
      <c r="CR25" s="665">
        <v>13296942</v>
      </c>
      <c r="CS25" s="676"/>
      <c r="CT25" s="676"/>
      <c r="CU25" s="676"/>
      <c r="CV25" s="676"/>
      <c r="CW25" s="676"/>
      <c r="CX25" s="676"/>
      <c r="CY25" s="677"/>
      <c r="CZ25" s="668">
        <v>20.5</v>
      </c>
      <c r="DA25" s="678"/>
      <c r="DB25" s="678"/>
      <c r="DC25" s="679"/>
      <c r="DD25" s="671">
        <v>12671497</v>
      </c>
      <c r="DE25" s="676"/>
      <c r="DF25" s="676"/>
      <c r="DG25" s="676"/>
      <c r="DH25" s="676"/>
      <c r="DI25" s="676"/>
      <c r="DJ25" s="676"/>
      <c r="DK25" s="677"/>
      <c r="DL25" s="671">
        <v>12556716</v>
      </c>
      <c r="DM25" s="676"/>
      <c r="DN25" s="676"/>
      <c r="DO25" s="676"/>
      <c r="DP25" s="676"/>
      <c r="DQ25" s="676"/>
      <c r="DR25" s="676"/>
      <c r="DS25" s="676"/>
      <c r="DT25" s="676"/>
      <c r="DU25" s="676"/>
      <c r="DV25" s="677"/>
      <c r="DW25" s="668">
        <v>32.200000000000003</v>
      </c>
      <c r="DX25" s="678"/>
      <c r="DY25" s="678"/>
      <c r="DZ25" s="678"/>
      <c r="EA25" s="678"/>
      <c r="EB25" s="678"/>
      <c r="EC25" s="699"/>
    </row>
    <row r="26" spans="2:133" ht="11.25" customHeight="1" x14ac:dyDescent="0.2">
      <c r="B26" s="662" t="s">
        <v>296</v>
      </c>
      <c r="C26" s="663"/>
      <c r="D26" s="663"/>
      <c r="E26" s="663"/>
      <c r="F26" s="663"/>
      <c r="G26" s="663"/>
      <c r="H26" s="663"/>
      <c r="I26" s="663"/>
      <c r="J26" s="663"/>
      <c r="K26" s="663"/>
      <c r="L26" s="663"/>
      <c r="M26" s="663"/>
      <c r="N26" s="663"/>
      <c r="O26" s="663"/>
      <c r="P26" s="663"/>
      <c r="Q26" s="664"/>
      <c r="R26" s="665">
        <v>427</v>
      </c>
      <c r="S26" s="666"/>
      <c r="T26" s="666"/>
      <c r="U26" s="666"/>
      <c r="V26" s="666"/>
      <c r="W26" s="666"/>
      <c r="X26" s="666"/>
      <c r="Y26" s="667"/>
      <c r="Z26" s="692">
        <v>0</v>
      </c>
      <c r="AA26" s="692"/>
      <c r="AB26" s="692"/>
      <c r="AC26" s="692"/>
      <c r="AD26" s="693" t="s">
        <v>129</v>
      </c>
      <c r="AE26" s="693"/>
      <c r="AF26" s="693"/>
      <c r="AG26" s="693"/>
      <c r="AH26" s="693"/>
      <c r="AI26" s="693"/>
      <c r="AJ26" s="693"/>
      <c r="AK26" s="693"/>
      <c r="AL26" s="668" t="s">
        <v>129</v>
      </c>
      <c r="AM26" s="669"/>
      <c r="AN26" s="669"/>
      <c r="AO26" s="694"/>
      <c r="AP26" s="758" t="s">
        <v>297</v>
      </c>
      <c r="AQ26" s="759"/>
      <c r="AR26" s="759"/>
      <c r="AS26" s="759"/>
      <c r="AT26" s="759"/>
      <c r="AU26" s="759"/>
      <c r="AV26" s="759"/>
      <c r="AW26" s="759"/>
      <c r="AX26" s="759"/>
      <c r="AY26" s="759"/>
      <c r="AZ26" s="759"/>
      <c r="BA26" s="759"/>
      <c r="BB26" s="759"/>
      <c r="BC26" s="759"/>
      <c r="BD26" s="759"/>
      <c r="BE26" s="759"/>
      <c r="BF26" s="760"/>
      <c r="BG26" s="665" t="s">
        <v>129</v>
      </c>
      <c r="BH26" s="666"/>
      <c r="BI26" s="666"/>
      <c r="BJ26" s="666"/>
      <c r="BK26" s="666"/>
      <c r="BL26" s="666"/>
      <c r="BM26" s="666"/>
      <c r="BN26" s="667"/>
      <c r="BO26" s="692" t="s">
        <v>129</v>
      </c>
      <c r="BP26" s="692"/>
      <c r="BQ26" s="692"/>
      <c r="BR26" s="692"/>
      <c r="BS26" s="693" t="s">
        <v>129</v>
      </c>
      <c r="BT26" s="693"/>
      <c r="BU26" s="693"/>
      <c r="BV26" s="693"/>
      <c r="BW26" s="693"/>
      <c r="BX26" s="693"/>
      <c r="BY26" s="693"/>
      <c r="BZ26" s="693"/>
      <c r="CA26" s="693"/>
      <c r="CB26" s="751"/>
      <c r="CD26" s="707" t="s">
        <v>298</v>
      </c>
      <c r="CE26" s="704"/>
      <c r="CF26" s="704"/>
      <c r="CG26" s="704"/>
      <c r="CH26" s="704"/>
      <c r="CI26" s="704"/>
      <c r="CJ26" s="704"/>
      <c r="CK26" s="704"/>
      <c r="CL26" s="704"/>
      <c r="CM26" s="704"/>
      <c r="CN26" s="704"/>
      <c r="CO26" s="704"/>
      <c r="CP26" s="704"/>
      <c r="CQ26" s="705"/>
      <c r="CR26" s="665">
        <v>8374810</v>
      </c>
      <c r="CS26" s="666"/>
      <c r="CT26" s="666"/>
      <c r="CU26" s="666"/>
      <c r="CV26" s="666"/>
      <c r="CW26" s="666"/>
      <c r="CX26" s="666"/>
      <c r="CY26" s="667"/>
      <c r="CZ26" s="668">
        <v>12.9</v>
      </c>
      <c r="DA26" s="678"/>
      <c r="DB26" s="678"/>
      <c r="DC26" s="679"/>
      <c r="DD26" s="671">
        <v>7984696</v>
      </c>
      <c r="DE26" s="666"/>
      <c r="DF26" s="666"/>
      <c r="DG26" s="666"/>
      <c r="DH26" s="666"/>
      <c r="DI26" s="666"/>
      <c r="DJ26" s="666"/>
      <c r="DK26" s="667"/>
      <c r="DL26" s="671" t="s">
        <v>129</v>
      </c>
      <c r="DM26" s="666"/>
      <c r="DN26" s="666"/>
      <c r="DO26" s="666"/>
      <c r="DP26" s="666"/>
      <c r="DQ26" s="666"/>
      <c r="DR26" s="666"/>
      <c r="DS26" s="666"/>
      <c r="DT26" s="666"/>
      <c r="DU26" s="666"/>
      <c r="DV26" s="667"/>
      <c r="DW26" s="668" t="s">
        <v>129</v>
      </c>
      <c r="DX26" s="678"/>
      <c r="DY26" s="678"/>
      <c r="DZ26" s="678"/>
      <c r="EA26" s="678"/>
      <c r="EB26" s="678"/>
      <c r="EC26" s="699"/>
    </row>
    <row r="27" spans="2:133" ht="11.25" customHeight="1" x14ac:dyDescent="0.2">
      <c r="B27" s="662" t="s">
        <v>299</v>
      </c>
      <c r="C27" s="663"/>
      <c r="D27" s="663"/>
      <c r="E27" s="663"/>
      <c r="F27" s="663"/>
      <c r="G27" s="663"/>
      <c r="H27" s="663"/>
      <c r="I27" s="663"/>
      <c r="J27" s="663"/>
      <c r="K27" s="663"/>
      <c r="L27" s="663"/>
      <c r="M27" s="663"/>
      <c r="N27" s="663"/>
      <c r="O27" s="663"/>
      <c r="P27" s="663"/>
      <c r="Q27" s="664"/>
      <c r="R27" s="665">
        <v>42130702</v>
      </c>
      <c r="S27" s="666"/>
      <c r="T27" s="666"/>
      <c r="U27" s="666"/>
      <c r="V27" s="666"/>
      <c r="W27" s="666"/>
      <c r="X27" s="666"/>
      <c r="Y27" s="667"/>
      <c r="Z27" s="692">
        <v>60.3</v>
      </c>
      <c r="AA27" s="692"/>
      <c r="AB27" s="692"/>
      <c r="AC27" s="692"/>
      <c r="AD27" s="693">
        <v>38696260</v>
      </c>
      <c r="AE27" s="693"/>
      <c r="AF27" s="693"/>
      <c r="AG27" s="693"/>
      <c r="AH27" s="693"/>
      <c r="AI27" s="693"/>
      <c r="AJ27" s="693"/>
      <c r="AK27" s="693"/>
      <c r="AL27" s="668">
        <v>99.300003051757813</v>
      </c>
      <c r="AM27" s="669"/>
      <c r="AN27" s="669"/>
      <c r="AO27" s="694"/>
      <c r="AP27" s="662" t="s">
        <v>300</v>
      </c>
      <c r="AQ27" s="663"/>
      <c r="AR27" s="663"/>
      <c r="AS27" s="663"/>
      <c r="AT27" s="663"/>
      <c r="AU27" s="663"/>
      <c r="AV27" s="663"/>
      <c r="AW27" s="663"/>
      <c r="AX27" s="663"/>
      <c r="AY27" s="663"/>
      <c r="AZ27" s="663"/>
      <c r="BA27" s="663"/>
      <c r="BB27" s="663"/>
      <c r="BC27" s="663"/>
      <c r="BD27" s="663"/>
      <c r="BE27" s="663"/>
      <c r="BF27" s="664"/>
      <c r="BG27" s="665">
        <v>36524342</v>
      </c>
      <c r="BH27" s="666"/>
      <c r="BI27" s="666"/>
      <c r="BJ27" s="666"/>
      <c r="BK27" s="666"/>
      <c r="BL27" s="666"/>
      <c r="BM27" s="666"/>
      <c r="BN27" s="667"/>
      <c r="BO27" s="692">
        <v>100</v>
      </c>
      <c r="BP27" s="692"/>
      <c r="BQ27" s="692"/>
      <c r="BR27" s="692"/>
      <c r="BS27" s="693">
        <v>292488</v>
      </c>
      <c r="BT27" s="693"/>
      <c r="BU27" s="693"/>
      <c r="BV27" s="693"/>
      <c r="BW27" s="693"/>
      <c r="BX27" s="693"/>
      <c r="BY27" s="693"/>
      <c r="BZ27" s="693"/>
      <c r="CA27" s="693"/>
      <c r="CB27" s="751"/>
      <c r="CD27" s="707" t="s">
        <v>301</v>
      </c>
      <c r="CE27" s="704"/>
      <c r="CF27" s="704"/>
      <c r="CG27" s="704"/>
      <c r="CH27" s="704"/>
      <c r="CI27" s="704"/>
      <c r="CJ27" s="704"/>
      <c r="CK27" s="704"/>
      <c r="CL27" s="704"/>
      <c r="CM27" s="704"/>
      <c r="CN27" s="704"/>
      <c r="CO27" s="704"/>
      <c r="CP27" s="704"/>
      <c r="CQ27" s="705"/>
      <c r="CR27" s="665">
        <v>17590000</v>
      </c>
      <c r="CS27" s="676"/>
      <c r="CT27" s="676"/>
      <c r="CU27" s="676"/>
      <c r="CV27" s="676"/>
      <c r="CW27" s="676"/>
      <c r="CX27" s="676"/>
      <c r="CY27" s="677"/>
      <c r="CZ27" s="668">
        <v>27.1</v>
      </c>
      <c r="DA27" s="678"/>
      <c r="DB27" s="678"/>
      <c r="DC27" s="679"/>
      <c r="DD27" s="671">
        <v>4555248</v>
      </c>
      <c r="DE27" s="676"/>
      <c r="DF27" s="676"/>
      <c r="DG27" s="676"/>
      <c r="DH27" s="676"/>
      <c r="DI27" s="676"/>
      <c r="DJ27" s="676"/>
      <c r="DK27" s="677"/>
      <c r="DL27" s="671">
        <v>4487087</v>
      </c>
      <c r="DM27" s="676"/>
      <c r="DN27" s="676"/>
      <c r="DO27" s="676"/>
      <c r="DP27" s="676"/>
      <c r="DQ27" s="676"/>
      <c r="DR27" s="676"/>
      <c r="DS27" s="676"/>
      <c r="DT27" s="676"/>
      <c r="DU27" s="676"/>
      <c r="DV27" s="677"/>
      <c r="DW27" s="668">
        <v>11.5</v>
      </c>
      <c r="DX27" s="678"/>
      <c r="DY27" s="678"/>
      <c r="DZ27" s="678"/>
      <c r="EA27" s="678"/>
      <c r="EB27" s="678"/>
      <c r="EC27" s="699"/>
    </row>
    <row r="28" spans="2:133" ht="11.25" customHeight="1" x14ac:dyDescent="0.2">
      <c r="B28" s="662" t="s">
        <v>302</v>
      </c>
      <c r="C28" s="663"/>
      <c r="D28" s="663"/>
      <c r="E28" s="663"/>
      <c r="F28" s="663"/>
      <c r="G28" s="663"/>
      <c r="H28" s="663"/>
      <c r="I28" s="663"/>
      <c r="J28" s="663"/>
      <c r="K28" s="663"/>
      <c r="L28" s="663"/>
      <c r="M28" s="663"/>
      <c r="N28" s="663"/>
      <c r="O28" s="663"/>
      <c r="P28" s="663"/>
      <c r="Q28" s="664"/>
      <c r="R28" s="665">
        <v>20907</v>
      </c>
      <c r="S28" s="666"/>
      <c r="T28" s="666"/>
      <c r="U28" s="666"/>
      <c r="V28" s="666"/>
      <c r="W28" s="666"/>
      <c r="X28" s="666"/>
      <c r="Y28" s="667"/>
      <c r="Z28" s="692">
        <v>0</v>
      </c>
      <c r="AA28" s="692"/>
      <c r="AB28" s="692"/>
      <c r="AC28" s="692"/>
      <c r="AD28" s="693">
        <v>20907</v>
      </c>
      <c r="AE28" s="693"/>
      <c r="AF28" s="693"/>
      <c r="AG28" s="693"/>
      <c r="AH28" s="693"/>
      <c r="AI28" s="693"/>
      <c r="AJ28" s="693"/>
      <c r="AK28" s="693"/>
      <c r="AL28" s="668">
        <v>0.1</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3</v>
      </c>
      <c r="CE28" s="704"/>
      <c r="CF28" s="704"/>
      <c r="CG28" s="704"/>
      <c r="CH28" s="704"/>
      <c r="CI28" s="704"/>
      <c r="CJ28" s="704"/>
      <c r="CK28" s="704"/>
      <c r="CL28" s="704"/>
      <c r="CM28" s="704"/>
      <c r="CN28" s="704"/>
      <c r="CO28" s="704"/>
      <c r="CP28" s="704"/>
      <c r="CQ28" s="705"/>
      <c r="CR28" s="665">
        <v>4230131</v>
      </c>
      <c r="CS28" s="666"/>
      <c r="CT28" s="666"/>
      <c r="CU28" s="666"/>
      <c r="CV28" s="666"/>
      <c r="CW28" s="666"/>
      <c r="CX28" s="666"/>
      <c r="CY28" s="667"/>
      <c r="CZ28" s="668">
        <v>6.5</v>
      </c>
      <c r="DA28" s="678"/>
      <c r="DB28" s="678"/>
      <c r="DC28" s="679"/>
      <c r="DD28" s="671">
        <v>4230131</v>
      </c>
      <c r="DE28" s="666"/>
      <c r="DF28" s="666"/>
      <c r="DG28" s="666"/>
      <c r="DH28" s="666"/>
      <c r="DI28" s="666"/>
      <c r="DJ28" s="666"/>
      <c r="DK28" s="667"/>
      <c r="DL28" s="671">
        <v>4230131</v>
      </c>
      <c r="DM28" s="666"/>
      <c r="DN28" s="666"/>
      <c r="DO28" s="666"/>
      <c r="DP28" s="666"/>
      <c r="DQ28" s="666"/>
      <c r="DR28" s="666"/>
      <c r="DS28" s="666"/>
      <c r="DT28" s="666"/>
      <c r="DU28" s="666"/>
      <c r="DV28" s="667"/>
      <c r="DW28" s="668">
        <v>10.9</v>
      </c>
      <c r="DX28" s="678"/>
      <c r="DY28" s="678"/>
      <c r="DZ28" s="678"/>
      <c r="EA28" s="678"/>
      <c r="EB28" s="678"/>
      <c r="EC28" s="699"/>
    </row>
    <row r="29" spans="2:133" ht="11.25" customHeight="1" x14ac:dyDescent="0.2">
      <c r="B29" s="662" t="s">
        <v>304</v>
      </c>
      <c r="C29" s="663"/>
      <c r="D29" s="663"/>
      <c r="E29" s="663"/>
      <c r="F29" s="663"/>
      <c r="G29" s="663"/>
      <c r="H29" s="663"/>
      <c r="I29" s="663"/>
      <c r="J29" s="663"/>
      <c r="K29" s="663"/>
      <c r="L29" s="663"/>
      <c r="M29" s="663"/>
      <c r="N29" s="663"/>
      <c r="O29" s="663"/>
      <c r="P29" s="663"/>
      <c r="Q29" s="664"/>
      <c r="R29" s="665">
        <v>256707</v>
      </c>
      <c r="S29" s="666"/>
      <c r="T29" s="666"/>
      <c r="U29" s="666"/>
      <c r="V29" s="666"/>
      <c r="W29" s="666"/>
      <c r="X29" s="666"/>
      <c r="Y29" s="667"/>
      <c r="Z29" s="692">
        <v>0.4</v>
      </c>
      <c r="AA29" s="692"/>
      <c r="AB29" s="692"/>
      <c r="AC29" s="692"/>
      <c r="AD29" s="693" t="s">
        <v>129</v>
      </c>
      <c r="AE29" s="693"/>
      <c r="AF29" s="693"/>
      <c r="AG29" s="693"/>
      <c r="AH29" s="693"/>
      <c r="AI29" s="693"/>
      <c r="AJ29" s="693"/>
      <c r="AK29" s="693"/>
      <c r="AL29" s="668" t="s">
        <v>129</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5</v>
      </c>
      <c r="CE29" s="753"/>
      <c r="CF29" s="707" t="s">
        <v>70</v>
      </c>
      <c r="CG29" s="704"/>
      <c r="CH29" s="704"/>
      <c r="CI29" s="704"/>
      <c r="CJ29" s="704"/>
      <c r="CK29" s="704"/>
      <c r="CL29" s="704"/>
      <c r="CM29" s="704"/>
      <c r="CN29" s="704"/>
      <c r="CO29" s="704"/>
      <c r="CP29" s="704"/>
      <c r="CQ29" s="705"/>
      <c r="CR29" s="665">
        <v>4230116</v>
      </c>
      <c r="CS29" s="676"/>
      <c r="CT29" s="676"/>
      <c r="CU29" s="676"/>
      <c r="CV29" s="676"/>
      <c r="CW29" s="676"/>
      <c r="CX29" s="676"/>
      <c r="CY29" s="677"/>
      <c r="CZ29" s="668">
        <v>6.5</v>
      </c>
      <c r="DA29" s="678"/>
      <c r="DB29" s="678"/>
      <c r="DC29" s="679"/>
      <c r="DD29" s="671">
        <v>4230116</v>
      </c>
      <c r="DE29" s="676"/>
      <c r="DF29" s="676"/>
      <c r="DG29" s="676"/>
      <c r="DH29" s="676"/>
      <c r="DI29" s="676"/>
      <c r="DJ29" s="676"/>
      <c r="DK29" s="677"/>
      <c r="DL29" s="671">
        <v>4230116</v>
      </c>
      <c r="DM29" s="676"/>
      <c r="DN29" s="676"/>
      <c r="DO29" s="676"/>
      <c r="DP29" s="676"/>
      <c r="DQ29" s="676"/>
      <c r="DR29" s="676"/>
      <c r="DS29" s="676"/>
      <c r="DT29" s="676"/>
      <c r="DU29" s="676"/>
      <c r="DV29" s="677"/>
      <c r="DW29" s="668">
        <v>10.9</v>
      </c>
      <c r="DX29" s="678"/>
      <c r="DY29" s="678"/>
      <c r="DZ29" s="678"/>
      <c r="EA29" s="678"/>
      <c r="EB29" s="678"/>
      <c r="EC29" s="699"/>
    </row>
    <row r="30" spans="2:133" ht="11.25" customHeight="1" x14ac:dyDescent="0.2">
      <c r="B30" s="662" t="s">
        <v>306</v>
      </c>
      <c r="C30" s="663"/>
      <c r="D30" s="663"/>
      <c r="E30" s="663"/>
      <c r="F30" s="663"/>
      <c r="G30" s="663"/>
      <c r="H30" s="663"/>
      <c r="I30" s="663"/>
      <c r="J30" s="663"/>
      <c r="K30" s="663"/>
      <c r="L30" s="663"/>
      <c r="M30" s="663"/>
      <c r="N30" s="663"/>
      <c r="O30" s="663"/>
      <c r="P30" s="663"/>
      <c r="Q30" s="664"/>
      <c r="R30" s="665">
        <v>440349</v>
      </c>
      <c r="S30" s="666"/>
      <c r="T30" s="666"/>
      <c r="U30" s="666"/>
      <c r="V30" s="666"/>
      <c r="W30" s="666"/>
      <c r="X30" s="666"/>
      <c r="Y30" s="667"/>
      <c r="Z30" s="692">
        <v>0.6</v>
      </c>
      <c r="AA30" s="692"/>
      <c r="AB30" s="692"/>
      <c r="AC30" s="692"/>
      <c r="AD30" s="693">
        <v>195741</v>
      </c>
      <c r="AE30" s="693"/>
      <c r="AF30" s="693"/>
      <c r="AG30" s="693"/>
      <c r="AH30" s="693"/>
      <c r="AI30" s="693"/>
      <c r="AJ30" s="693"/>
      <c r="AK30" s="693"/>
      <c r="AL30" s="668">
        <v>0.5</v>
      </c>
      <c r="AM30" s="669"/>
      <c r="AN30" s="669"/>
      <c r="AO30" s="694"/>
      <c r="AP30" s="724" t="s">
        <v>224</v>
      </c>
      <c r="AQ30" s="725"/>
      <c r="AR30" s="725"/>
      <c r="AS30" s="725"/>
      <c r="AT30" s="725"/>
      <c r="AU30" s="725"/>
      <c r="AV30" s="725"/>
      <c r="AW30" s="725"/>
      <c r="AX30" s="725"/>
      <c r="AY30" s="725"/>
      <c r="AZ30" s="725"/>
      <c r="BA30" s="725"/>
      <c r="BB30" s="725"/>
      <c r="BC30" s="725"/>
      <c r="BD30" s="725"/>
      <c r="BE30" s="725"/>
      <c r="BF30" s="726"/>
      <c r="BG30" s="724" t="s">
        <v>307</v>
      </c>
      <c r="BH30" s="749"/>
      <c r="BI30" s="749"/>
      <c r="BJ30" s="749"/>
      <c r="BK30" s="749"/>
      <c r="BL30" s="749"/>
      <c r="BM30" s="749"/>
      <c r="BN30" s="749"/>
      <c r="BO30" s="749"/>
      <c r="BP30" s="749"/>
      <c r="BQ30" s="750"/>
      <c r="BR30" s="724" t="s">
        <v>308</v>
      </c>
      <c r="BS30" s="749"/>
      <c r="BT30" s="749"/>
      <c r="BU30" s="749"/>
      <c r="BV30" s="749"/>
      <c r="BW30" s="749"/>
      <c r="BX30" s="749"/>
      <c r="BY30" s="749"/>
      <c r="BZ30" s="749"/>
      <c r="CA30" s="749"/>
      <c r="CB30" s="750"/>
      <c r="CD30" s="754"/>
      <c r="CE30" s="755"/>
      <c r="CF30" s="707" t="s">
        <v>309</v>
      </c>
      <c r="CG30" s="704"/>
      <c r="CH30" s="704"/>
      <c r="CI30" s="704"/>
      <c r="CJ30" s="704"/>
      <c r="CK30" s="704"/>
      <c r="CL30" s="704"/>
      <c r="CM30" s="704"/>
      <c r="CN30" s="704"/>
      <c r="CO30" s="704"/>
      <c r="CP30" s="704"/>
      <c r="CQ30" s="705"/>
      <c r="CR30" s="665">
        <v>4050231</v>
      </c>
      <c r="CS30" s="666"/>
      <c r="CT30" s="666"/>
      <c r="CU30" s="666"/>
      <c r="CV30" s="666"/>
      <c r="CW30" s="666"/>
      <c r="CX30" s="666"/>
      <c r="CY30" s="667"/>
      <c r="CZ30" s="668">
        <v>6.2</v>
      </c>
      <c r="DA30" s="678"/>
      <c r="DB30" s="678"/>
      <c r="DC30" s="679"/>
      <c r="DD30" s="671">
        <v>4050231</v>
      </c>
      <c r="DE30" s="666"/>
      <c r="DF30" s="666"/>
      <c r="DG30" s="666"/>
      <c r="DH30" s="666"/>
      <c r="DI30" s="666"/>
      <c r="DJ30" s="666"/>
      <c r="DK30" s="667"/>
      <c r="DL30" s="671">
        <v>4050231</v>
      </c>
      <c r="DM30" s="666"/>
      <c r="DN30" s="666"/>
      <c r="DO30" s="666"/>
      <c r="DP30" s="666"/>
      <c r="DQ30" s="666"/>
      <c r="DR30" s="666"/>
      <c r="DS30" s="666"/>
      <c r="DT30" s="666"/>
      <c r="DU30" s="666"/>
      <c r="DV30" s="667"/>
      <c r="DW30" s="668">
        <v>10.4</v>
      </c>
      <c r="DX30" s="678"/>
      <c r="DY30" s="678"/>
      <c r="DZ30" s="678"/>
      <c r="EA30" s="678"/>
      <c r="EB30" s="678"/>
      <c r="EC30" s="699"/>
    </row>
    <row r="31" spans="2:133" ht="11.25" customHeight="1" x14ac:dyDescent="0.2">
      <c r="B31" s="662" t="s">
        <v>310</v>
      </c>
      <c r="C31" s="663"/>
      <c r="D31" s="663"/>
      <c r="E31" s="663"/>
      <c r="F31" s="663"/>
      <c r="G31" s="663"/>
      <c r="H31" s="663"/>
      <c r="I31" s="663"/>
      <c r="J31" s="663"/>
      <c r="K31" s="663"/>
      <c r="L31" s="663"/>
      <c r="M31" s="663"/>
      <c r="N31" s="663"/>
      <c r="O31" s="663"/>
      <c r="P31" s="663"/>
      <c r="Q31" s="664"/>
      <c r="R31" s="665">
        <v>750651</v>
      </c>
      <c r="S31" s="666"/>
      <c r="T31" s="666"/>
      <c r="U31" s="666"/>
      <c r="V31" s="666"/>
      <c r="W31" s="666"/>
      <c r="X31" s="666"/>
      <c r="Y31" s="667"/>
      <c r="Z31" s="692">
        <v>1.1000000000000001</v>
      </c>
      <c r="AA31" s="692"/>
      <c r="AB31" s="692"/>
      <c r="AC31" s="692"/>
      <c r="AD31" s="693" t="s">
        <v>129</v>
      </c>
      <c r="AE31" s="693"/>
      <c r="AF31" s="693"/>
      <c r="AG31" s="693"/>
      <c r="AH31" s="693"/>
      <c r="AI31" s="693"/>
      <c r="AJ31" s="693"/>
      <c r="AK31" s="693"/>
      <c r="AL31" s="668" t="s">
        <v>129</v>
      </c>
      <c r="AM31" s="669"/>
      <c r="AN31" s="669"/>
      <c r="AO31" s="694"/>
      <c r="AP31" s="738" t="s">
        <v>311</v>
      </c>
      <c r="AQ31" s="739"/>
      <c r="AR31" s="739"/>
      <c r="AS31" s="739"/>
      <c r="AT31" s="744" t="s">
        <v>312</v>
      </c>
      <c r="AU31" s="360"/>
      <c r="AV31" s="360"/>
      <c r="AW31" s="360"/>
      <c r="AX31" s="731" t="s">
        <v>188</v>
      </c>
      <c r="AY31" s="732"/>
      <c r="AZ31" s="732"/>
      <c r="BA31" s="732"/>
      <c r="BB31" s="732"/>
      <c r="BC31" s="732"/>
      <c r="BD31" s="732"/>
      <c r="BE31" s="732"/>
      <c r="BF31" s="733"/>
      <c r="BG31" s="734">
        <v>99.3</v>
      </c>
      <c r="BH31" s="735"/>
      <c r="BI31" s="735"/>
      <c r="BJ31" s="735"/>
      <c r="BK31" s="735"/>
      <c r="BL31" s="735"/>
      <c r="BM31" s="736">
        <v>97.9</v>
      </c>
      <c r="BN31" s="735"/>
      <c r="BO31" s="735"/>
      <c r="BP31" s="735"/>
      <c r="BQ31" s="737"/>
      <c r="BR31" s="734">
        <v>98.9</v>
      </c>
      <c r="BS31" s="735"/>
      <c r="BT31" s="735"/>
      <c r="BU31" s="735"/>
      <c r="BV31" s="735"/>
      <c r="BW31" s="735"/>
      <c r="BX31" s="736">
        <v>97.2</v>
      </c>
      <c r="BY31" s="735"/>
      <c r="BZ31" s="735"/>
      <c r="CA31" s="735"/>
      <c r="CB31" s="737"/>
      <c r="CD31" s="754"/>
      <c r="CE31" s="755"/>
      <c r="CF31" s="707" t="s">
        <v>313</v>
      </c>
      <c r="CG31" s="704"/>
      <c r="CH31" s="704"/>
      <c r="CI31" s="704"/>
      <c r="CJ31" s="704"/>
      <c r="CK31" s="704"/>
      <c r="CL31" s="704"/>
      <c r="CM31" s="704"/>
      <c r="CN31" s="704"/>
      <c r="CO31" s="704"/>
      <c r="CP31" s="704"/>
      <c r="CQ31" s="705"/>
      <c r="CR31" s="665">
        <v>179885</v>
      </c>
      <c r="CS31" s="676"/>
      <c r="CT31" s="676"/>
      <c r="CU31" s="676"/>
      <c r="CV31" s="676"/>
      <c r="CW31" s="676"/>
      <c r="CX31" s="676"/>
      <c r="CY31" s="677"/>
      <c r="CZ31" s="668">
        <v>0.3</v>
      </c>
      <c r="DA31" s="678"/>
      <c r="DB31" s="678"/>
      <c r="DC31" s="679"/>
      <c r="DD31" s="671">
        <v>179885</v>
      </c>
      <c r="DE31" s="676"/>
      <c r="DF31" s="676"/>
      <c r="DG31" s="676"/>
      <c r="DH31" s="676"/>
      <c r="DI31" s="676"/>
      <c r="DJ31" s="676"/>
      <c r="DK31" s="677"/>
      <c r="DL31" s="671">
        <v>179885</v>
      </c>
      <c r="DM31" s="676"/>
      <c r="DN31" s="676"/>
      <c r="DO31" s="676"/>
      <c r="DP31" s="676"/>
      <c r="DQ31" s="676"/>
      <c r="DR31" s="676"/>
      <c r="DS31" s="676"/>
      <c r="DT31" s="676"/>
      <c r="DU31" s="676"/>
      <c r="DV31" s="677"/>
      <c r="DW31" s="668">
        <v>0.5</v>
      </c>
      <c r="DX31" s="678"/>
      <c r="DY31" s="678"/>
      <c r="DZ31" s="678"/>
      <c r="EA31" s="678"/>
      <c r="EB31" s="678"/>
      <c r="EC31" s="699"/>
    </row>
    <row r="32" spans="2:133" ht="11.25" customHeight="1" x14ac:dyDescent="0.2">
      <c r="B32" s="662" t="s">
        <v>314</v>
      </c>
      <c r="C32" s="663"/>
      <c r="D32" s="663"/>
      <c r="E32" s="663"/>
      <c r="F32" s="663"/>
      <c r="G32" s="663"/>
      <c r="H32" s="663"/>
      <c r="I32" s="663"/>
      <c r="J32" s="663"/>
      <c r="K32" s="663"/>
      <c r="L32" s="663"/>
      <c r="M32" s="663"/>
      <c r="N32" s="663"/>
      <c r="O32" s="663"/>
      <c r="P32" s="663"/>
      <c r="Q32" s="664"/>
      <c r="R32" s="665">
        <v>14542443</v>
      </c>
      <c r="S32" s="666"/>
      <c r="T32" s="666"/>
      <c r="U32" s="666"/>
      <c r="V32" s="666"/>
      <c r="W32" s="666"/>
      <c r="X32" s="666"/>
      <c r="Y32" s="667"/>
      <c r="Z32" s="692">
        <v>20.8</v>
      </c>
      <c r="AA32" s="692"/>
      <c r="AB32" s="692"/>
      <c r="AC32" s="692"/>
      <c r="AD32" s="693" t="s">
        <v>129</v>
      </c>
      <c r="AE32" s="693"/>
      <c r="AF32" s="693"/>
      <c r="AG32" s="693"/>
      <c r="AH32" s="693"/>
      <c r="AI32" s="693"/>
      <c r="AJ32" s="693"/>
      <c r="AK32" s="693"/>
      <c r="AL32" s="668" t="s">
        <v>129</v>
      </c>
      <c r="AM32" s="669"/>
      <c r="AN32" s="669"/>
      <c r="AO32" s="694"/>
      <c r="AP32" s="740"/>
      <c r="AQ32" s="741"/>
      <c r="AR32" s="741"/>
      <c r="AS32" s="741"/>
      <c r="AT32" s="745"/>
      <c r="AU32" s="361" t="s">
        <v>315</v>
      </c>
      <c r="AV32" s="361"/>
      <c r="AW32" s="361"/>
      <c r="AX32" s="662" t="s">
        <v>316</v>
      </c>
      <c r="AY32" s="663"/>
      <c r="AZ32" s="663"/>
      <c r="BA32" s="663"/>
      <c r="BB32" s="663"/>
      <c r="BC32" s="663"/>
      <c r="BD32" s="663"/>
      <c r="BE32" s="663"/>
      <c r="BF32" s="664"/>
      <c r="BG32" s="747">
        <v>99.3</v>
      </c>
      <c r="BH32" s="676"/>
      <c r="BI32" s="676"/>
      <c r="BJ32" s="676"/>
      <c r="BK32" s="676"/>
      <c r="BL32" s="676"/>
      <c r="BM32" s="669">
        <v>97.7</v>
      </c>
      <c r="BN32" s="748"/>
      <c r="BO32" s="748"/>
      <c r="BP32" s="748"/>
      <c r="BQ32" s="703"/>
      <c r="BR32" s="747">
        <v>99</v>
      </c>
      <c r="BS32" s="676"/>
      <c r="BT32" s="676"/>
      <c r="BU32" s="676"/>
      <c r="BV32" s="676"/>
      <c r="BW32" s="676"/>
      <c r="BX32" s="669">
        <v>97.2</v>
      </c>
      <c r="BY32" s="748"/>
      <c r="BZ32" s="748"/>
      <c r="CA32" s="748"/>
      <c r="CB32" s="703"/>
      <c r="CD32" s="756"/>
      <c r="CE32" s="757"/>
      <c r="CF32" s="707" t="s">
        <v>317</v>
      </c>
      <c r="CG32" s="704"/>
      <c r="CH32" s="704"/>
      <c r="CI32" s="704"/>
      <c r="CJ32" s="704"/>
      <c r="CK32" s="704"/>
      <c r="CL32" s="704"/>
      <c r="CM32" s="704"/>
      <c r="CN32" s="704"/>
      <c r="CO32" s="704"/>
      <c r="CP32" s="704"/>
      <c r="CQ32" s="705"/>
      <c r="CR32" s="665">
        <v>15</v>
      </c>
      <c r="CS32" s="666"/>
      <c r="CT32" s="666"/>
      <c r="CU32" s="666"/>
      <c r="CV32" s="666"/>
      <c r="CW32" s="666"/>
      <c r="CX32" s="666"/>
      <c r="CY32" s="667"/>
      <c r="CZ32" s="668">
        <v>0</v>
      </c>
      <c r="DA32" s="678"/>
      <c r="DB32" s="678"/>
      <c r="DC32" s="679"/>
      <c r="DD32" s="671">
        <v>15</v>
      </c>
      <c r="DE32" s="666"/>
      <c r="DF32" s="666"/>
      <c r="DG32" s="666"/>
      <c r="DH32" s="666"/>
      <c r="DI32" s="666"/>
      <c r="DJ32" s="666"/>
      <c r="DK32" s="667"/>
      <c r="DL32" s="671">
        <v>15</v>
      </c>
      <c r="DM32" s="666"/>
      <c r="DN32" s="666"/>
      <c r="DO32" s="666"/>
      <c r="DP32" s="666"/>
      <c r="DQ32" s="666"/>
      <c r="DR32" s="666"/>
      <c r="DS32" s="666"/>
      <c r="DT32" s="666"/>
      <c r="DU32" s="666"/>
      <c r="DV32" s="667"/>
      <c r="DW32" s="668">
        <v>0</v>
      </c>
      <c r="DX32" s="678"/>
      <c r="DY32" s="678"/>
      <c r="DZ32" s="678"/>
      <c r="EA32" s="678"/>
      <c r="EB32" s="678"/>
      <c r="EC32" s="699"/>
    </row>
    <row r="33" spans="2:133" ht="11.25" customHeight="1" x14ac:dyDescent="0.2">
      <c r="B33" s="728" t="s">
        <v>318</v>
      </c>
      <c r="C33" s="729"/>
      <c r="D33" s="729"/>
      <c r="E33" s="729"/>
      <c r="F33" s="729"/>
      <c r="G33" s="729"/>
      <c r="H33" s="729"/>
      <c r="I33" s="729"/>
      <c r="J33" s="729"/>
      <c r="K33" s="729"/>
      <c r="L33" s="729"/>
      <c r="M33" s="729"/>
      <c r="N33" s="729"/>
      <c r="O33" s="729"/>
      <c r="P33" s="729"/>
      <c r="Q33" s="730"/>
      <c r="R33" s="665" t="s">
        <v>129</v>
      </c>
      <c r="S33" s="666"/>
      <c r="T33" s="666"/>
      <c r="U33" s="666"/>
      <c r="V33" s="666"/>
      <c r="W33" s="666"/>
      <c r="X33" s="666"/>
      <c r="Y33" s="667"/>
      <c r="Z33" s="692" t="s">
        <v>129</v>
      </c>
      <c r="AA33" s="692"/>
      <c r="AB33" s="692"/>
      <c r="AC33" s="692"/>
      <c r="AD33" s="693" t="s">
        <v>129</v>
      </c>
      <c r="AE33" s="693"/>
      <c r="AF33" s="693"/>
      <c r="AG33" s="693"/>
      <c r="AH33" s="693"/>
      <c r="AI33" s="693"/>
      <c r="AJ33" s="693"/>
      <c r="AK33" s="693"/>
      <c r="AL33" s="668" t="s">
        <v>129</v>
      </c>
      <c r="AM33" s="669"/>
      <c r="AN33" s="669"/>
      <c r="AO33" s="694"/>
      <c r="AP33" s="742"/>
      <c r="AQ33" s="743"/>
      <c r="AR33" s="743"/>
      <c r="AS33" s="743"/>
      <c r="AT33" s="746"/>
      <c r="AU33" s="362"/>
      <c r="AV33" s="362"/>
      <c r="AW33" s="362"/>
      <c r="AX33" s="642" t="s">
        <v>319</v>
      </c>
      <c r="AY33" s="643"/>
      <c r="AZ33" s="643"/>
      <c r="BA33" s="643"/>
      <c r="BB33" s="643"/>
      <c r="BC33" s="643"/>
      <c r="BD33" s="643"/>
      <c r="BE33" s="643"/>
      <c r="BF33" s="644"/>
      <c r="BG33" s="727">
        <v>99.3</v>
      </c>
      <c r="BH33" s="646"/>
      <c r="BI33" s="646"/>
      <c r="BJ33" s="646"/>
      <c r="BK33" s="646"/>
      <c r="BL33" s="646"/>
      <c r="BM33" s="684">
        <v>98.1</v>
      </c>
      <c r="BN33" s="646"/>
      <c r="BO33" s="646"/>
      <c r="BP33" s="646"/>
      <c r="BQ33" s="695"/>
      <c r="BR33" s="727">
        <v>98.8</v>
      </c>
      <c r="BS33" s="646"/>
      <c r="BT33" s="646"/>
      <c r="BU33" s="646"/>
      <c r="BV33" s="646"/>
      <c r="BW33" s="646"/>
      <c r="BX33" s="684">
        <v>97.1</v>
      </c>
      <c r="BY33" s="646"/>
      <c r="BZ33" s="646"/>
      <c r="CA33" s="646"/>
      <c r="CB33" s="695"/>
      <c r="CD33" s="707" t="s">
        <v>320</v>
      </c>
      <c r="CE33" s="704"/>
      <c r="CF33" s="704"/>
      <c r="CG33" s="704"/>
      <c r="CH33" s="704"/>
      <c r="CI33" s="704"/>
      <c r="CJ33" s="704"/>
      <c r="CK33" s="704"/>
      <c r="CL33" s="704"/>
      <c r="CM33" s="704"/>
      <c r="CN33" s="704"/>
      <c r="CO33" s="704"/>
      <c r="CP33" s="704"/>
      <c r="CQ33" s="705"/>
      <c r="CR33" s="665">
        <v>27261327</v>
      </c>
      <c r="CS33" s="676"/>
      <c r="CT33" s="676"/>
      <c r="CU33" s="676"/>
      <c r="CV33" s="676"/>
      <c r="CW33" s="676"/>
      <c r="CX33" s="676"/>
      <c r="CY33" s="677"/>
      <c r="CZ33" s="668">
        <v>42</v>
      </c>
      <c r="DA33" s="678"/>
      <c r="DB33" s="678"/>
      <c r="DC33" s="679"/>
      <c r="DD33" s="671">
        <v>22100926</v>
      </c>
      <c r="DE33" s="676"/>
      <c r="DF33" s="676"/>
      <c r="DG33" s="676"/>
      <c r="DH33" s="676"/>
      <c r="DI33" s="676"/>
      <c r="DJ33" s="676"/>
      <c r="DK33" s="677"/>
      <c r="DL33" s="671">
        <v>17661177</v>
      </c>
      <c r="DM33" s="676"/>
      <c r="DN33" s="676"/>
      <c r="DO33" s="676"/>
      <c r="DP33" s="676"/>
      <c r="DQ33" s="676"/>
      <c r="DR33" s="676"/>
      <c r="DS33" s="676"/>
      <c r="DT33" s="676"/>
      <c r="DU33" s="676"/>
      <c r="DV33" s="677"/>
      <c r="DW33" s="668">
        <v>45.3</v>
      </c>
      <c r="DX33" s="678"/>
      <c r="DY33" s="678"/>
      <c r="DZ33" s="678"/>
      <c r="EA33" s="678"/>
      <c r="EB33" s="678"/>
      <c r="EC33" s="699"/>
    </row>
    <row r="34" spans="2:133" ht="11.25" customHeight="1" x14ac:dyDescent="0.2">
      <c r="B34" s="662" t="s">
        <v>321</v>
      </c>
      <c r="C34" s="663"/>
      <c r="D34" s="663"/>
      <c r="E34" s="663"/>
      <c r="F34" s="663"/>
      <c r="G34" s="663"/>
      <c r="H34" s="663"/>
      <c r="I34" s="663"/>
      <c r="J34" s="663"/>
      <c r="K34" s="663"/>
      <c r="L34" s="663"/>
      <c r="M34" s="663"/>
      <c r="N34" s="663"/>
      <c r="O34" s="663"/>
      <c r="P34" s="663"/>
      <c r="Q34" s="664"/>
      <c r="R34" s="665">
        <v>3957957</v>
      </c>
      <c r="S34" s="666"/>
      <c r="T34" s="666"/>
      <c r="U34" s="666"/>
      <c r="V34" s="666"/>
      <c r="W34" s="666"/>
      <c r="X34" s="666"/>
      <c r="Y34" s="667"/>
      <c r="Z34" s="692">
        <v>5.7</v>
      </c>
      <c r="AA34" s="692"/>
      <c r="AB34" s="692"/>
      <c r="AC34" s="692"/>
      <c r="AD34" s="693" t="s">
        <v>129</v>
      </c>
      <c r="AE34" s="693"/>
      <c r="AF34" s="693"/>
      <c r="AG34" s="693"/>
      <c r="AH34" s="693"/>
      <c r="AI34" s="693"/>
      <c r="AJ34" s="693"/>
      <c r="AK34" s="693"/>
      <c r="AL34" s="668" t="s">
        <v>129</v>
      </c>
      <c r="AM34" s="669"/>
      <c r="AN34" s="669"/>
      <c r="AO34" s="694"/>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22</v>
      </c>
      <c r="CE34" s="704"/>
      <c r="CF34" s="704"/>
      <c r="CG34" s="704"/>
      <c r="CH34" s="704"/>
      <c r="CI34" s="704"/>
      <c r="CJ34" s="704"/>
      <c r="CK34" s="704"/>
      <c r="CL34" s="704"/>
      <c r="CM34" s="704"/>
      <c r="CN34" s="704"/>
      <c r="CO34" s="704"/>
      <c r="CP34" s="704"/>
      <c r="CQ34" s="705"/>
      <c r="CR34" s="665">
        <v>12928499</v>
      </c>
      <c r="CS34" s="666"/>
      <c r="CT34" s="666"/>
      <c r="CU34" s="666"/>
      <c r="CV34" s="666"/>
      <c r="CW34" s="666"/>
      <c r="CX34" s="666"/>
      <c r="CY34" s="667"/>
      <c r="CZ34" s="668">
        <v>19.899999999999999</v>
      </c>
      <c r="DA34" s="678"/>
      <c r="DB34" s="678"/>
      <c r="DC34" s="679"/>
      <c r="DD34" s="671">
        <v>9720550</v>
      </c>
      <c r="DE34" s="666"/>
      <c r="DF34" s="666"/>
      <c r="DG34" s="666"/>
      <c r="DH34" s="666"/>
      <c r="DI34" s="666"/>
      <c r="DJ34" s="666"/>
      <c r="DK34" s="667"/>
      <c r="DL34" s="671">
        <v>8607612</v>
      </c>
      <c r="DM34" s="666"/>
      <c r="DN34" s="666"/>
      <c r="DO34" s="666"/>
      <c r="DP34" s="666"/>
      <c r="DQ34" s="666"/>
      <c r="DR34" s="666"/>
      <c r="DS34" s="666"/>
      <c r="DT34" s="666"/>
      <c r="DU34" s="666"/>
      <c r="DV34" s="667"/>
      <c r="DW34" s="668">
        <v>22.1</v>
      </c>
      <c r="DX34" s="678"/>
      <c r="DY34" s="678"/>
      <c r="DZ34" s="678"/>
      <c r="EA34" s="678"/>
      <c r="EB34" s="678"/>
      <c r="EC34" s="699"/>
    </row>
    <row r="35" spans="2:133" ht="11.25" customHeight="1" x14ac:dyDescent="0.2">
      <c r="B35" s="662" t="s">
        <v>323</v>
      </c>
      <c r="C35" s="663"/>
      <c r="D35" s="663"/>
      <c r="E35" s="663"/>
      <c r="F35" s="663"/>
      <c r="G35" s="663"/>
      <c r="H35" s="663"/>
      <c r="I35" s="663"/>
      <c r="J35" s="663"/>
      <c r="K35" s="663"/>
      <c r="L35" s="663"/>
      <c r="M35" s="663"/>
      <c r="N35" s="663"/>
      <c r="O35" s="663"/>
      <c r="P35" s="663"/>
      <c r="Q35" s="664"/>
      <c r="R35" s="665">
        <v>140901</v>
      </c>
      <c r="S35" s="666"/>
      <c r="T35" s="666"/>
      <c r="U35" s="666"/>
      <c r="V35" s="666"/>
      <c r="W35" s="666"/>
      <c r="X35" s="666"/>
      <c r="Y35" s="667"/>
      <c r="Z35" s="692">
        <v>0.2</v>
      </c>
      <c r="AA35" s="692"/>
      <c r="AB35" s="692"/>
      <c r="AC35" s="692"/>
      <c r="AD35" s="693">
        <v>62705</v>
      </c>
      <c r="AE35" s="693"/>
      <c r="AF35" s="693"/>
      <c r="AG35" s="693"/>
      <c r="AH35" s="693"/>
      <c r="AI35" s="693"/>
      <c r="AJ35" s="693"/>
      <c r="AK35" s="693"/>
      <c r="AL35" s="668">
        <v>0.2</v>
      </c>
      <c r="AM35" s="669"/>
      <c r="AN35" s="669"/>
      <c r="AO35" s="694"/>
      <c r="AP35" s="218"/>
      <c r="AQ35" s="724" t="s">
        <v>324</v>
      </c>
      <c r="AR35" s="725"/>
      <c r="AS35" s="725"/>
      <c r="AT35" s="725"/>
      <c r="AU35" s="725"/>
      <c r="AV35" s="725"/>
      <c r="AW35" s="725"/>
      <c r="AX35" s="725"/>
      <c r="AY35" s="725"/>
      <c r="AZ35" s="725"/>
      <c r="BA35" s="725"/>
      <c r="BB35" s="725"/>
      <c r="BC35" s="725"/>
      <c r="BD35" s="725"/>
      <c r="BE35" s="725"/>
      <c r="BF35" s="726"/>
      <c r="BG35" s="724" t="s">
        <v>325</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6</v>
      </c>
      <c r="CE35" s="704"/>
      <c r="CF35" s="704"/>
      <c r="CG35" s="704"/>
      <c r="CH35" s="704"/>
      <c r="CI35" s="704"/>
      <c r="CJ35" s="704"/>
      <c r="CK35" s="704"/>
      <c r="CL35" s="704"/>
      <c r="CM35" s="704"/>
      <c r="CN35" s="704"/>
      <c r="CO35" s="704"/>
      <c r="CP35" s="704"/>
      <c r="CQ35" s="705"/>
      <c r="CR35" s="665">
        <v>198540</v>
      </c>
      <c r="CS35" s="676"/>
      <c r="CT35" s="676"/>
      <c r="CU35" s="676"/>
      <c r="CV35" s="676"/>
      <c r="CW35" s="676"/>
      <c r="CX35" s="676"/>
      <c r="CY35" s="677"/>
      <c r="CZ35" s="668">
        <v>0.3</v>
      </c>
      <c r="DA35" s="678"/>
      <c r="DB35" s="678"/>
      <c r="DC35" s="679"/>
      <c r="DD35" s="671">
        <v>198540</v>
      </c>
      <c r="DE35" s="676"/>
      <c r="DF35" s="676"/>
      <c r="DG35" s="676"/>
      <c r="DH35" s="676"/>
      <c r="DI35" s="676"/>
      <c r="DJ35" s="676"/>
      <c r="DK35" s="677"/>
      <c r="DL35" s="671">
        <v>198540</v>
      </c>
      <c r="DM35" s="676"/>
      <c r="DN35" s="676"/>
      <c r="DO35" s="676"/>
      <c r="DP35" s="676"/>
      <c r="DQ35" s="676"/>
      <c r="DR35" s="676"/>
      <c r="DS35" s="676"/>
      <c r="DT35" s="676"/>
      <c r="DU35" s="676"/>
      <c r="DV35" s="677"/>
      <c r="DW35" s="668">
        <v>0.5</v>
      </c>
      <c r="DX35" s="678"/>
      <c r="DY35" s="678"/>
      <c r="DZ35" s="678"/>
      <c r="EA35" s="678"/>
      <c r="EB35" s="678"/>
      <c r="EC35" s="699"/>
    </row>
    <row r="36" spans="2:133" ht="11.25" customHeight="1" x14ac:dyDescent="0.2">
      <c r="B36" s="662" t="s">
        <v>327</v>
      </c>
      <c r="C36" s="663"/>
      <c r="D36" s="663"/>
      <c r="E36" s="663"/>
      <c r="F36" s="663"/>
      <c r="G36" s="663"/>
      <c r="H36" s="663"/>
      <c r="I36" s="663"/>
      <c r="J36" s="663"/>
      <c r="K36" s="663"/>
      <c r="L36" s="663"/>
      <c r="M36" s="663"/>
      <c r="N36" s="663"/>
      <c r="O36" s="663"/>
      <c r="P36" s="663"/>
      <c r="Q36" s="664"/>
      <c r="R36" s="665">
        <v>1739838</v>
      </c>
      <c r="S36" s="666"/>
      <c r="T36" s="666"/>
      <c r="U36" s="666"/>
      <c r="V36" s="666"/>
      <c r="W36" s="666"/>
      <c r="X36" s="666"/>
      <c r="Y36" s="667"/>
      <c r="Z36" s="692">
        <v>2.5</v>
      </c>
      <c r="AA36" s="692"/>
      <c r="AB36" s="692"/>
      <c r="AC36" s="692"/>
      <c r="AD36" s="693" t="s">
        <v>129</v>
      </c>
      <c r="AE36" s="693"/>
      <c r="AF36" s="693"/>
      <c r="AG36" s="693"/>
      <c r="AH36" s="693"/>
      <c r="AI36" s="693"/>
      <c r="AJ36" s="693"/>
      <c r="AK36" s="693"/>
      <c r="AL36" s="668" t="s">
        <v>129</v>
      </c>
      <c r="AM36" s="669"/>
      <c r="AN36" s="669"/>
      <c r="AO36" s="694"/>
      <c r="AP36" s="218"/>
      <c r="AQ36" s="715" t="s">
        <v>328</v>
      </c>
      <c r="AR36" s="716"/>
      <c r="AS36" s="716"/>
      <c r="AT36" s="716"/>
      <c r="AU36" s="716"/>
      <c r="AV36" s="716"/>
      <c r="AW36" s="716"/>
      <c r="AX36" s="716"/>
      <c r="AY36" s="717"/>
      <c r="AZ36" s="718">
        <v>9215044</v>
      </c>
      <c r="BA36" s="719"/>
      <c r="BB36" s="719"/>
      <c r="BC36" s="719"/>
      <c r="BD36" s="719"/>
      <c r="BE36" s="719"/>
      <c r="BF36" s="720"/>
      <c r="BG36" s="721" t="s">
        <v>329</v>
      </c>
      <c r="BH36" s="722"/>
      <c r="BI36" s="722"/>
      <c r="BJ36" s="722"/>
      <c r="BK36" s="722"/>
      <c r="BL36" s="722"/>
      <c r="BM36" s="722"/>
      <c r="BN36" s="722"/>
      <c r="BO36" s="722"/>
      <c r="BP36" s="722"/>
      <c r="BQ36" s="722"/>
      <c r="BR36" s="722"/>
      <c r="BS36" s="722"/>
      <c r="BT36" s="722"/>
      <c r="BU36" s="723"/>
      <c r="BV36" s="718">
        <v>238588</v>
      </c>
      <c r="BW36" s="719"/>
      <c r="BX36" s="719"/>
      <c r="BY36" s="719"/>
      <c r="BZ36" s="719"/>
      <c r="CA36" s="719"/>
      <c r="CB36" s="720"/>
      <c r="CD36" s="707" t="s">
        <v>330</v>
      </c>
      <c r="CE36" s="704"/>
      <c r="CF36" s="704"/>
      <c r="CG36" s="704"/>
      <c r="CH36" s="704"/>
      <c r="CI36" s="704"/>
      <c r="CJ36" s="704"/>
      <c r="CK36" s="704"/>
      <c r="CL36" s="704"/>
      <c r="CM36" s="704"/>
      <c r="CN36" s="704"/>
      <c r="CO36" s="704"/>
      <c r="CP36" s="704"/>
      <c r="CQ36" s="705"/>
      <c r="CR36" s="665">
        <v>5288659</v>
      </c>
      <c r="CS36" s="666"/>
      <c r="CT36" s="666"/>
      <c r="CU36" s="666"/>
      <c r="CV36" s="666"/>
      <c r="CW36" s="666"/>
      <c r="CX36" s="666"/>
      <c r="CY36" s="667"/>
      <c r="CZ36" s="668">
        <v>8.1</v>
      </c>
      <c r="DA36" s="678"/>
      <c r="DB36" s="678"/>
      <c r="DC36" s="679"/>
      <c r="DD36" s="671">
        <v>4818223</v>
      </c>
      <c r="DE36" s="666"/>
      <c r="DF36" s="666"/>
      <c r="DG36" s="666"/>
      <c r="DH36" s="666"/>
      <c r="DI36" s="666"/>
      <c r="DJ36" s="666"/>
      <c r="DK36" s="667"/>
      <c r="DL36" s="671">
        <v>3840185</v>
      </c>
      <c r="DM36" s="666"/>
      <c r="DN36" s="666"/>
      <c r="DO36" s="666"/>
      <c r="DP36" s="666"/>
      <c r="DQ36" s="666"/>
      <c r="DR36" s="666"/>
      <c r="DS36" s="666"/>
      <c r="DT36" s="666"/>
      <c r="DU36" s="666"/>
      <c r="DV36" s="667"/>
      <c r="DW36" s="668">
        <v>9.9</v>
      </c>
      <c r="DX36" s="678"/>
      <c r="DY36" s="678"/>
      <c r="DZ36" s="678"/>
      <c r="EA36" s="678"/>
      <c r="EB36" s="678"/>
      <c r="EC36" s="699"/>
    </row>
    <row r="37" spans="2:133" ht="11.25" customHeight="1" x14ac:dyDescent="0.2">
      <c r="B37" s="662" t="s">
        <v>331</v>
      </c>
      <c r="C37" s="663"/>
      <c r="D37" s="663"/>
      <c r="E37" s="663"/>
      <c r="F37" s="663"/>
      <c r="G37" s="663"/>
      <c r="H37" s="663"/>
      <c r="I37" s="663"/>
      <c r="J37" s="663"/>
      <c r="K37" s="663"/>
      <c r="L37" s="663"/>
      <c r="M37" s="663"/>
      <c r="N37" s="663"/>
      <c r="O37" s="663"/>
      <c r="P37" s="663"/>
      <c r="Q37" s="664"/>
      <c r="R37" s="665">
        <v>148957</v>
      </c>
      <c r="S37" s="666"/>
      <c r="T37" s="666"/>
      <c r="U37" s="666"/>
      <c r="V37" s="666"/>
      <c r="W37" s="666"/>
      <c r="X37" s="666"/>
      <c r="Y37" s="667"/>
      <c r="Z37" s="692">
        <v>0.2</v>
      </c>
      <c r="AA37" s="692"/>
      <c r="AB37" s="692"/>
      <c r="AC37" s="692"/>
      <c r="AD37" s="693" t="s">
        <v>129</v>
      </c>
      <c r="AE37" s="693"/>
      <c r="AF37" s="693"/>
      <c r="AG37" s="693"/>
      <c r="AH37" s="693"/>
      <c r="AI37" s="693"/>
      <c r="AJ37" s="693"/>
      <c r="AK37" s="693"/>
      <c r="AL37" s="668" t="s">
        <v>129</v>
      </c>
      <c r="AM37" s="669"/>
      <c r="AN37" s="669"/>
      <c r="AO37" s="694"/>
      <c r="AQ37" s="700" t="s">
        <v>332</v>
      </c>
      <c r="AR37" s="701"/>
      <c r="AS37" s="701"/>
      <c r="AT37" s="701"/>
      <c r="AU37" s="701"/>
      <c r="AV37" s="701"/>
      <c r="AW37" s="701"/>
      <c r="AX37" s="701"/>
      <c r="AY37" s="702"/>
      <c r="AZ37" s="665">
        <v>2822743</v>
      </c>
      <c r="BA37" s="666"/>
      <c r="BB37" s="666"/>
      <c r="BC37" s="666"/>
      <c r="BD37" s="676"/>
      <c r="BE37" s="676"/>
      <c r="BF37" s="703"/>
      <c r="BG37" s="707" t="s">
        <v>333</v>
      </c>
      <c r="BH37" s="704"/>
      <c r="BI37" s="704"/>
      <c r="BJ37" s="704"/>
      <c r="BK37" s="704"/>
      <c r="BL37" s="704"/>
      <c r="BM37" s="704"/>
      <c r="BN37" s="704"/>
      <c r="BO37" s="704"/>
      <c r="BP37" s="704"/>
      <c r="BQ37" s="704"/>
      <c r="BR37" s="704"/>
      <c r="BS37" s="704"/>
      <c r="BT37" s="704"/>
      <c r="BU37" s="705"/>
      <c r="BV37" s="665">
        <v>-137992</v>
      </c>
      <c r="BW37" s="666"/>
      <c r="BX37" s="666"/>
      <c r="BY37" s="666"/>
      <c r="BZ37" s="666"/>
      <c r="CA37" s="666"/>
      <c r="CB37" s="706"/>
      <c r="CD37" s="707" t="s">
        <v>334</v>
      </c>
      <c r="CE37" s="704"/>
      <c r="CF37" s="704"/>
      <c r="CG37" s="704"/>
      <c r="CH37" s="704"/>
      <c r="CI37" s="704"/>
      <c r="CJ37" s="704"/>
      <c r="CK37" s="704"/>
      <c r="CL37" s="704"/>
      <c r="CM37" s="704"/>
      <c r="CN37" s="704"/>
      <c r="CO37" s="704"/>
      <c r="CP37" s="704"/>
      <c r="CQ37" s="705"/>
      <c r="CR37" s="665">
        <v>12189</v>
      </c>
      <c r="CS37" s="676"/>
      <c r="CT37" s="676"/>
      <c r="CU37" s="676"/>
      <c r="CV37" s="676"/>
      <c r="CW37" s="676"/>
      <c r="CX37" s="676"/>
      <c r="CY37" s="677"/>
      <c r="CZ37" s="668">
        <v>0</v>
      </c>
      <c r="DA37" s="678"/>
      <c r="DB37" s="678"/>
      <c r="DC37" s="679"/>
      <c r="DD37" s="671">
        <v>12189</v>
      </c>
      <c r="DE37" s="676"/>
      <c r="DF37" s="676"/>
      <c r="DG37" s="676"/>
      <c r="DH37" s="676"/>
      <c r="DI37" s="676"/>
      <c r="DJ37" s="676"/>
      <c r="DK37" s="677"/>
      <c r="DL37" s="671">
        <v>12189</v>
      </c>
      <c r="DM37" s="676"/>
      <c r="DN37" s="676"/>
      <c r="DO37" s="676"/>
      <c r="DP37" s="676"/>
      <c r="DQ37" s="676"/>
      <c r="DR37" s="676"/>
      <c r="DS37" s="676"/>
      <c r="DT37" s="676"/>
      <c r="DU37" s="676"/>
      <c r="DV37" s="677"/>
      <c r="DW37" s="668">
        <v>0</v>
      </c>
      <c r="DX37" s="678"/>
      <c r="DY37" s="678"/>
      <c r="DZ37" s="678"/>
      <c r="EA37" s="678"/>
      <c r="EB37" s="678"/>
      <c r="EC37" s="699"/>
    </row>
    <row r="38" spans="2:133" ht="11.25" customHeight="1" x14ac:dyDescent="0.2">
      <c r="B38" s="662" t="s">
        <v>335</v>
      </c>
      <c r="C38" s="663"/>
      <c r="D38" s="663"/>
      <c r="E38" s="663"/>
      <c r="F38" s="663"/>
      <c r="G38" s="663"/>
      <c r="H38" s="663"/>
      <c r="I38" s="663"/>
      <c r="J38" s="663"/>
      <c r="K38" s="663"/>
      <c r="L38" s="663"/>
      <c r="M38" s="663"/>
      <c r="N38" s="663"/>
      <c r="O38" s="663"/>
      <c r="P38" s="663"/>
      <c r="Q38" s="664"/>
      <c r="R38" s="665">
        <v>3656797</v>
      </c>
      <c r="S38" s="666"/>
      <c r="T38" s="666"/>
      <c r="U38" s="666"/>
      <c r="V38" s="666"/>
      <c r="W38" s="666"/>
      <c r="X38" s="666"/>
      <c r="Y38" s="667"/>
      <c r="Z38" s="692">
        <v>5.2</v>
      </c>
      <c r="AA38" s="692"/>
      <c r="AB38" s="692"/>
      <c r="AC38" s="692"/>
      <c r="AD38" s="693" t="s">
        <v>129</v>
      </c>
      <c r="AE38" s="693"/>
      <c r="AF38" s="693"/>
      <c r="AG38" s="693"/>
      <c r="AH38" s="693"/>
      <c r="AI38" s="693"/>
      <c r="AJ38" s="693"/>
      <c r="AK38" s="693"/>
      <c r="AL38" s="668" t="s">
        <v>129</v>
      </c>
      <c r="AM38" s="669"/>
      <c r="AN38" s="669"/>
      <c r="AO38" s="694"/>
      <c r="AQ38" s="700" t="s">
        <v>336</v>
      </c>
      <c r="AR38" s="701"/>
      <c r="AS38" s="701"/>
      <c r="AT38" s="701"/>
      <c r="AU38" s="701"/>
      <c r="AV38" s="701"/>
      <c r="AW38" s="701"/>
      <c r="AX38" s="701"/>
      <c r="AY38" s="702"/>
      <c r="AZ38" s="665" t="s">
        <v>129</v>
      </c>
      <c r="BA38" s="666"/>
      <c r="BB38" s="666"/>
      <c r="BC38" s="666"/>
      <c r="BD38" s="676"/>
      <c r="BE38" s="676"/>
      <c r="BF38" s="703"/>
      <c r="BG38" s="707" t="s">
        <v>337</v>
      </c>
      <c r="BH38" s="704"/>
      <c r="BI38" s="704"/>
      <c r="BJ38" s="704"/>
      <c r="BK38" s="704"/>
      <c r="BL38" s="704"/>
      <c r="BM38" s="704"/>
      <c r="BN38" s="704"/>
      <c r="BO38" s="704"/>
      <c r="BP38" s="704"/>
      <c r="BQ38" s="704"/>
      <c r="BR38" s="704"/>
      <c r="BS38" s="704"/>
      <c r="BT38" s="704"/>
      <c r="BU38" s="705"/>
      <c r="BV38" s="665">
        <v>23753</v>
      </c>
      <c r="BW38" s="666"/>
      <c r="BX38" s="666"/>
      <c r="BY38" s="666"/>
      <c r="BZ38" s="666"/>
      <c r="CA38" s="666"/>
      <c r="CB38" s="706"/>
      <c r="CD38" s="707" t="s">
        <v>338</v>
      </c>
      <c r="CE38" s="704"/>
      <c r="CF38" s="704"/>
      <c r="CG38" s="704"/>
      <c r="CH38" s="704"/>
      <c r="CI38" s="704"/>
      <c r="CJ38" s="704"/>
      <c r="CK38" s="704"/>
      <c r="CL38" s="704"/>
      <c r="CM38" s="704"/>
      <c r="CN38" s="704"/>
      <c r="CO38" s="704"/>
      <c r="CP38" s="704"/>
      <c r="CQ38" s="705"/>
      <c r="CR38" s="665">
        <v>6392301</v>
      </c>
      <c r="CS38" s="666"/>
      <c r="CT38" s="666"/>
      <c r="CU38" s="666"/>
      <c r="CV38" s="666"/>
      <c r="CW38" s="666"/>
      <c r="CX38" s="666"/>
      <c r="CY38" s="667"/>
      <c r="CZ38" s="668">
        <v>9.8000000000000007</v>
      </c>
      <c r="DA38" s="678"/>
      <c r="DB38" s="678"/>
      <c r="DC38" s="679"/>
      <c r="DD38" s="671">
        <v>5425022</v>
      </c>
      <c r="DE38" s="666"/>
      <c r="DF38" s="666"/>
      <c r="DG38" s="666"/>
      <c r="DH38" s="666"/>
      <c r="DI38" s="666"/>
      <c r="DJ38" s="666"/>
      <c r="DK38" s="667"/>
      <c r="DL38" s="671">
        <v>5014840</v>
      </c>
      <c r="DM38" s="666"/>
      <c r="DN38" s="666"/>
      <c r="DO38" s="666"/>
      <c r="DP38" s="666"/>
      <c r="DQ38" s="666"/>
      <c r="DR38" s="666"/>
      <c r="DS38" s="666"/>
      <c r="DT38" s="666"/>
      <c r="DU38" s="666"/>
      <c r="DV38" s="667"/>
      <c r="DW38" s="668">
        <v>12.9</v>
      </c>
      <c r="DX38" s="678"/>
      <c r="DY38" s="678"/>
      <c r="DZ38" s="678"/>
      <c r="EA38" s="678"/>
      <c r="EB38" s="678"/>
      <c r="EC38" s="699"/>
    </row>
    <row r="39" spans="2:133" ht="11.25" customHeight="1" x14ac:dyDescent="0.2">
      <c r="B39" s="662" t="s">
        <v>339</v>
      </c>
      <c r="C39" s="663"/>
      <c r="D39" s="663"/>
      <c r="E39" s="663"/>
      <c r="F39" s="663"/>
      <c r="G39" s="663"/>
      <c r="H39" s="663"/>
      <c r="I39" s="663"/>
      <c r="J39" s="663"/>
      <c r="K39" s="663"/>
      <c r="L39" s="663"/>
      <c r="M39" s="663"/>
      <c r="N39" s="663"/>
      <c r="O39" s="663"/>
      <c r="P39" s="663"/>
      <c r="Q39" s="664"/>
      <c r="R39" s="665">
        <v>822461</v>
      </c>
      <c r="S39" s="666"/>
      <c r="T39" s="666"/>
      <c r="U39" s="666"/>
      <c r="V39" s="666"/>
      <c r="W39" s="666"/>
      <c r="X39" s="666"/>
      <c r="Y39" s="667"/>
      <c r="Z39" s="692">
        <v>1.2</v>
      </c>
      <c r="AA39" s="692"/>
      <c r="AB39" s="692"/>
      <c r="AC39" s="692"/>
      <c r="AD39" s="693">
        <v>66</v>
      </c>
      <c r="AE39" s="693"/>
      <c r="AF39" s="693"/>
      <c r="AG39" s="693"/>
      <c r="AH39" s="693"/>
      <c r="AI39" s="693"/>
      <c r="AJ39" s="693"/>
      <c r="AK39" s="693"/>
      <c r="AL39" s="668">
        <v>0</v>
      </c>
      <c r="AM39" s="669"/>
      <c r="AN39" s="669"/>
      <c r="AO39" s="694"/>
      <c r="AQ39" s="700" t="s">
        <v>340</v>
      </c>
      <c r="AR39" s="701"/>
      <c r="AS39" s="701"/>
      <c r="AT39" s="701"/>
      <c r="AU39" s="701"/>
      <c r="AV39" s="701"/>
      <c r="AW39" s="701"/>
      <c r="AX39" s="701"/>
      <c r="AY39" s="702"/>
      <c r="AZ39" s="665" t="s">
        <v>129</v>
      </c>
      <c r="BA39" s="666"/>
      <c r="BB39" s="666"/>
      <c r="BC39" s="666"/>
      <c r="BD39" s="676"/>
      <c r="BE39" s="676"/>
      <c r="BF39" s="703"/>
      <c r="BG39" s="707" t="s">
        <v>341</v>
      </c>
      <c r="BH39" s="704"/>
      <c r="BI39" s="704"/>
      <c r="BJ39" s="704"/>
      <c r="BK39" s="704"/>
      <c r="BL39" s="704"/>
      <c r="BM39" s="704"/>
      <c r="BN39" s="704"/>
      <c r="BO39" s="704"/>
      <c r="BP39" s="704"/>
      <c r="BQ39" s="704"/>
      <c r="BR39" s="704"/>
      <c r="BS39" s="704"/>
      <c r="BT39" s="704"/>
      <c r="BU39" s="705"/>
      <c r="BV39" s="665">
        <v>35071</v>
      </c>
      <c r="BW39" s="666"/>
      <c r="BX39" s="666"/>
      <c r="BY39" s="666"/>
      <c r="BZ39" s="666"/>
      <c r="CA39" s="666"/>
      <c r="CB39" s="706"/>
      <c r="CD39" s="707" t="s">
        <v>342</v>
      </c>
      <c r="CE39" s="704"/>
      <c r="CF39" s="704"/>
      <c r="CG39" s="704"/>
      <c r="CH39" s="704"/>
      <c r="CI39" s="704"/>
      <c r="CJ39" s="704"/>
      <c r="CK39" s="704"/>
      <c r="CL39" s="704"/>
      <c r="CM39" s="704"/>
      <c r="CN39" s="704"/>
      <c r="CO39" s="704"/>
      <c r="CP39" s="704"/>
      <c r="CQ39" s="705"/>
      <c r="CR39" s="665">
        <v>2116328</v>
      </c>
      <c r="CS39" s="676"/>
      <c r="CT39" s="676"/>
      <c r="CU39" s="676"/>
      <c r="CV39" s="676"/>
      <c r="CW39" s="676"/>
      <c r="CX39" s="676"/>
      <c r="CY39" s="677"/>
      <c r="CZ39" s="668">
        <v>3.3</v>
      </c>
      <c r="DA39" s="678"/>
      <c r="DB39" s="678"/>
      <c r="DC39" s="679"/>
      <c r="DD39" s="671">
        <v>1938591</v>
      </c>
      <c r="DE39" s="676"/>
      <c r="DF39" s="676"/>
      <c r="DG39" s="676"/>
      <c r="DH39" s="676"/>
      <c r="DI39" s="676"/>
      <c r="DJ39" s="676"/>
      <c r="DK39" s="677"/>
      <c r="DL39" s="671" t="s">
        <v>129</v>
      </c>
      <c r="DM39" s="676"/>
      <c r="DN39" s="676"/>
      <c r="DO39" s="676"/>
      <c r="DP39" s="676"/>
      <c r="DQ39" s="676"/>
      <c r="DR39" s="676"/>
      <c r="DS39" s="676"/>
      <c r="DT39" s="676"/>
      <c r="DU39" s="676"/>
      <c r="DV39" s="677"/>
      <c r="DW39" s="668" t="s">
        <v>129</v>
      </c>
      <c r="DX39" s="678"/>
      <c r="DY39" s="678"/>
      <c r="DZ39" s="678"/>
      <c r="EA39" s="678"/>
      <c r="EB39" s="678"/>
      <c r="EC39" s="699"/>
    </row>
    <row r="40" spans="2:133" ht="11.25" customHeight="1" x14ac:dyDescent="0.2">
      <c r="B40" s="662" t="s">
        <v>343</v>
      </c>
      <c r="C40" s="663"/>
      <c r="D40" s="663"/>
      <c r="E40" s="663"/>
      <c r="F40" s="663"/>
      <c r="G40" s="663"/>
      <c r="H40" s="663"/>
      <c r="I40" s="663"/>
      <c r="J40" s="663"/>
      <c r="K40" s="663"/>
      <c r="L40" s="663"/>
      <c r="M40" s="663"/>
      <c r="N40" s="663"/>
      <c r="O40" s="663"/>
      <c r="P40" s="663"/>
      <c r="Q40" s="664"/>
      <c r="R40" s="665">
        <v>1260300</v>
      </c>
      <c r="S40" s="666"/>
      <c r="T40" s="666"/>
      <c r="U40" s="666"/>
      <c r="V40" s="666"/>
      <c r="W40" s="666"/>
      <c r="X40" s="666"/>
      <c r="Y40" s="667"/>
      <c r="Z40" s="692">
        <v>1.8</v>
      </c>
      <c r="AA40" s="692"/>
      <c r="AB40" s="692"/>
      <c r="AC40" s="692"/>
      <c r="AD40" s="693" t="s">
        <v>129</v>
      </c>
      <c r="AE40" s="693"/>
      <c r="AF40" s="693"/>
      <c r="AG40" s="693"/>
      <c r="AH40" s="693"/>
      <c r="AI40" s="693"/>
      <c r="AJ40" s="693"/>
      <c r="AK40" s="693"/>
      <c r="AL40" s="668" t="s">
        <v>129</v>
      </c>
      <c r="AM40" s="669"/>
      <c r="AN40" s="669"/>
      <c r="AO40" s="694"/>
      <c r="AQ40" s="700" t="s">
        <v>344</v>
      </c>
      <c r="AR40" s="701"/>
      <c r="AS40" s="701"/>
      <c r="AT40" s="701"/>
      <c r="AU40" s="701"/>
      <c r="AV40" s="701"/>
      <c r="AW40" s="701"/>
      <c r="AX40" s="701"/>
      <c r="AY40" s="702"/>
      <c r="AZ40" s="665" t="s">
        <v>129</v>
      </c>
      <c r="BA40" s="666"/>
      <c r="BB40" s="666"/>
      <c r="BC40" s="666"/>
      <c r="BD40" s="676"/>
      <c r="BE40" s="676"/>
      <c r="BF40" s="703"/>
      <c r="BG40" s="708" t="s">
        <v>345</v>
      </c>
      <c r="BH40" s="709"/>
      <c r="BI40" s="709"/>
      <c r="BJ40" s="709"/>
      <c r="BK40" s="709"/>
      <c r="BL40" s="363"/>
      <c r="BM40" s="704" t="s">
        <v>346</v>
      </c>
      <c r="BN40" s="704"/>
      <c r="BO40" s="704"/>
      <c r="BP40" s="704"/>
      <c r="BQ40" s="704"/>
      <c r="BR40" s="704"/>
      <c r="BS40" s="704"/>
      <c r="BT40" s="704"/>
      <c r="BU40" s="705"/>
      <c r="BV40" s="665">
        <v>116</v>
      </c>
      <c r="BW40" s="666"/>
      <c r="BX40" s="666"/>
      <c r="BY40" s="666"/>
      <c r="BZ40" s="666"/>
      <c r="CA40" s="666"/>
      <c r="CB40" s="706"/>
      <c r="CD40" s="707" t="s">
        <v>347</v>
      </c>
      <c r="CE40" s="704"/>
      <c r="CF40" s="704"/>
      <c r="CG40" s="704"/>
      <c r="CH40" s="704"/>
      <c r="CI40" s="704"/>
      <c r="CJ40" s="704"/>
      <c r="CK40" s="704"/>
      <c r="CL40" s="704"/>
      <c r="CM40" s="704"/>
      <c r="CN40" s="704"/>
      <c r="CO40" s="704"/>
      <c r="CP40" s="704"/>
      <c r="CQ40" s="705"/>
      <c r="CR40" s="665">
        <v>337000</v>
      </c>
      <c r="CS40" s="666"/>
      <c r="CT40" s="666"/>
      <c r="CU40" s="666"/>
      <c r="CV40" s="666"/>
      <c r="CW40" s="666"/>
      <c r="CX40" s="666"/>
      <c r="CY40" s="667"/>
      <c r="CZ40" s="668">
        <v>0.5</v>
      </c>
      <c r="DA40" s="678"/>
      <c r="DB40" s="678"/>
      <c r="DC40" s="679"/>
      <c r="DD40" s="671" t="s">
        <v>129</v>
      </c>
      <c r="DE40" s="666"/>
      <c r="DF40" s="666"/>
      <c r="DG40" s="666"/>
      <c r="DH40" s="666"/>
      <c r="DI40" s="666"/>
      <c r="DJ40" s="666"/>
      <c r="DK40" s="667"/>
      <c r="DL40" s="671" t="s">
        <v>129</v>
      </c>
      <c r="DM40" s="666"/>
      <c r="DN40" s="666"/>
      <c r="DO40" s="666"/>
      <c r="DP40" s="666"/>
      <c r="DQ40" s="666"/>
      <c r="DR40" s="666"/>
      <c r="DS40" s="666"/>
      <c r="DT40" s="666"/>
      <c r="DU40" s="666"/>
      <c r="DV40" s="667"/>
      <c r="DW40" s="668" t="s">
        <v>129</v>
      </c>
      <c r="DX40" s="678"/>
      <c r="DY40" s="678"/>
      <c r="DZ40" s="678"/>
      <c r="EA40" s="678"/>
      <c r="EB40" s="678"/>
      <c r="EC40" s="699"/>
    </row>
    <row r="41" spans="2:133" ht="11.25" customHeight="1" x14ac:dyDescent="0.2">
      <c r="B41" s="662" t="s">
        <v>348</v>
      </c>
      <c r="C41" s="663"/>
      <c r="D41" s="663"/>
      <c r="E41" s="663"/>
      <c r="F41" s="663"/>
      <c r="G41" s="663"/>
      <c r="H41" s="663"/>
      <c r="I41" s="663"/>
      <c r="J41" s="663"/>
      <c r="K41" s="663"/>
      <c r="L41" s="663"/>
      <c r="M41" s="663"/>
      <c r="N41" s="663"/>
      <c r="O41" s="663"/>
      <c r="P41" s="663"/>
      <c r="Q41" s="664"/>
      <c r="R41" s="665" t="s">
        <v>129</v>
      </c>
      <c r="S41" s="666"/>
      <c r="T41" s="666"/>
      <c r="U41" s="666"/>
      <c r="V41" s="666"/>
      <c r="W41" s="666"/>
      <c r="X41" s="666"/>
      <c r="Y41" s="667"/>
      <c r="Z41" s="692" t="s">
        <v>129</v>
      </c>
      <c r="AA41" s="692"/>
      <c r="AB41" s="692"/>
      <c r="AC41" s="692"/>
      <c r="AD41" s="693" t="s">
        <v>129</v>
      </c>
      <c r="AE41" s="693"/>
      <c r="AF41" s="693"/>
      <c r="AG41" s="693"/>
      <c r="AH41" s="693"/>
      <c r="AI41" s="693"/>
      <c r="AJ41" s="693"/>
      <c r="AK41" s="693"/>
      <c r="AL41" s="668" t="s">
        <v>129</v>
      </c>
      <c r="AM41" s="669"/>
      <c r="AN41" s="669"/>
      <c r="AO41" s="694"/>
      <c r="AQ41" s="700" t="s">
        <v>349</v>
      </c>
      <c r="AR41" s="701"/>
      <c r="AS41" s="701"/>
      <c r="AT41" s="701"/>
      <c r="AU41" s="701"/>
      <c r="AV41" s="701"/>
      <c r="AW41" s="701"/>
      <c r="AX41" s="701"/>
      <c r="AY41" s="702"/>
      <c r="AZ41" s="665">
        <v>1397514</v>
      </c>
      <c r="BA41" s="666"/>
      <c r="BB41" s="666"/>
      <c r="BC41" s="666"/>
      <c r="BD41" s="676"/>
      <c r="BE41" s="676"/>
      <c r="BF41" s="703"/>
      <c r="BG41" s="708"/>
      <c r="BH41" s="709"/>
      <c r="BI41" s="709"/>
      <c r="BJ41" s="709"/>
      <c r="BK41" s="709"/>
      <c r="BL41" s="363"/>
      <c r="BM41" s="704" t="s">
        <v>350</v>
      </c>
      <c r="BN41" s="704"/>
      <c r="BO41" s="704"/>
      <c r="BP41" s="704"/>
      <c r="BQ41" s="704"/>
      <c r="BR41" s="704"/>
      <c r="BS41" s="704"/>
      <c r="BT41" s="704"/>
      <c r="BU41" s="705"/>
      <c r="BV41" s="665" t="s">
        <v>129</v>
      </c>
      <c r="BW41" s="666"/>
      <c r="BX41" s="666"/>
      <c r="BY41" s="666"/>
      <c r="BZ41" s="666"/>
      <c r="CA41" s="666"/>
      <c r="CB41" s="706"/>
      <c r="CD41" s="707" t="s">
        <v>351</v>
      </c>
      <c r="CE41" s="704"/>
      <c r="CF41" s="704"/>
      <c r="CG41" s="704"/>
      <c r="CH41" s="704"/>
      <c r="CI41" s="704"/>
      <c r="CJ41" s="704"/>
      <c r="CK41" s="704"/>
      <c r="CL41" s="704"/>
      <c r="CM41" s="704"/>
      <c r="CN41" s="704"/>
      <c r="CO41" s="704"/>
      <c r="CP41" s="704"/>
      <c r="CQ41" s="705"/>
      <c r="CR41" s="665" t="s">
        <v>129</v>
      </c>
      <c r="CS41" s="676"/>
      <c r="CT41" s="676"/>
      <c r="CU41" s="676"/>
      <c r="CV41" s="676"/>
      <c r="CW41" s="676"/>
      <c r="CX41" s="676"/>
      <c r="CY41" s="677"/>
      <c r="CZ41" s="668" t="s">
        <v>129</v>
      </c>
      <c r="DA41" s="678"/>
      <c r="DB41" s="678"/>
      <c r="DC41" s="679"/>
      <c r="DD41" s="671" t="s">
        <v>129</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52</v>
      </c>
      <c r="C42" s="663"/>
      <c r="D42" s="663"/>
      <c r="E42" s="663"/>
      <c r="F42" s="663"/>
      <c r="G42" s="663"/>
      <c r="H42" s="663"/>
      <c r="I42" s="663"/>
      <c r="J42" s="663"/>
      <c r="K42" s="663"/>
      <c r="L42" s="663"/>
      <c r="M42" s="663"/>
      <c r="N42" s="663"/>
      <c r="O42" s="663"/>
      <c r="P42" s="663"/>
      <c r="Q42" s="664"/>
      <c r="R42" s="665" t="s">
        <v>129</v>
      </c>
      <c r="S42" s="666"/>
      <c r="T42" s="666"/>
      <c r="U42" s="666"/>
      <c r="V42" s="666"/>
      <c r="W42" s="666"/>
      <c r="X42" s="666"/>
      <c r="Y42" s="667"/>
      <c r="Z42" s="692" t="s">
        <v>129</v>
      </c>
      <c r="AA42" s="692"/>
      <c r="AB42" s="692"/>
      <c r="AC42" s="692"/>
      <c r="AD42" s="693" t="s">
        <v>129</v>
      </c>
      <c r="AE42" s="693"/>
      <c r="AF42" s="693"/>
      <c r="AG42" s="693"/>
      <c r="AH42" s="693"/>
      <c r="AI42" s="693"/>
      <c r="AJ42" s="693"/>
      <c r="AK42" s="693"/>
      <c r="AL42" s="668" t="s">
        <v>129</v>
      </c>
      <c r="AM42" s="669"/>
      <c r="AN42" s="669"/>
      <c r="AO42" s="694"/>
      <c r="AQ42" s="712" t="s">
        <v>353</v>
      </c>
      <c r="AR42" s="713"/>
      <c r="AS42" s="713"/>
      <c r="AT42" s="713"/>
      <c r="AU42" s="713"/>
      <c r="AV42" s="713"/>
      <c r="AW42" s="713"/>
      <c r="AX42" s="713"/>
      <c r="AY42" s="714"/>
      <c r="AZ42" s="645">
        <v>4994787</v>
      </c>
      <c r="BA42" s="680"/>
      <c r="BB42" s="680"/>
      <c r="BC42" s="680"/>
      <c r="BD42" s="646"/>
      <c r="BE42" s="646"/>
      <c r="BF42" s="695"/>
      <c r="BG42" s="710"/>
      <c r="BH42" s="711"/>
      <c r="BI42" s="711"/>
      <c r="BJ42" s="711"/>
      <c r="BK42" s="711"/>
      <c r="BL42" s="364"/>
      <c r="BM42" s="696" t="s">
        <v>354</v>
      </c>
      <c r="BN42" s="696"/>
      <c r="BO42" s="696"/>
      <c r="BP42" s="696"/>
      <c r="BQ42" s="696"/>
      <c r="BR42" s="696"/>
      <c r="BS42" s="696"/>
      <c r="BT42" s="696"/>
      <c r="BU42" s="697"/>
      <c r="BV42" s="645">
        <v>308</v>
      </c>
      <c r="BW42" s="680"/>
      <c r="BX42" s="680"/>
      <c r="BY42" s="680"/>
      <c r="BZ42" s="680"/>
      <c r="CA42" s="680"/>
      <c r="CB42" s="698"/>
      <c r="CD42" s="662" t="s">
        <v>355</v>
      </c>
      <c r="CE42" s="663"/>
      <c r="CF42" s="663"/>
      <c r="CG42" s="663"/>
      <c r="CH42" s="663"/>
      <c r="CI42" s="663"/>
      <c r="CJ42" s="663"/>
      <c r="CK42" s="663"/>
      <c r="CL42" s="663"/>
      <c r="CM42" s="663"/>
      <c r="CN42" s="663"/>
      <c r="CO42" s="663"/>
      <c r="CP42" s="663"/>
      <c r="CQ42" s="664"/>
      <c r="CR42" s="665">
        <v>2570017</v>
      </c>
      <c r="CS42" s="676"/>
      <c r="CT42" s="676"/>
      <c r="CU42" s="676"/>
      <c r="CV42" s="676"/>
      <c r="CW42" s="676"/>
      <c r="CX42" s="676"/>
      <c r="CY42" s="677"/>
      <c r="CZ42" s="668">
        <v>4</v>
      </c>
      <c r="DA42" s="678"/>
      <c r="DB42" s="678"/>
      <c r="DC42" s="679"/>
      <c r="DD42" s="671">
        <v>1020737</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6</v>
      </c>
      <c r="C43" s="663"/>
      <c r="D43" s="663"/>
      <c r="E43" s="663"/>
      <c r="F43" s="663"/>
      <c r="G43" s="663"/>
      <c r="H43" s="663"/>
      <c r="I43" s="663"/>
      <c r="J43" s="663"/>
      <c r="K43" s="663"/>
      <c r="L43" s="663"/>
      <c r="M43" s="663"/>
      <c r="N43" s="663"/>
      <c r="O43" s="663"/>
      <c r="P43" s="663"/>
      <c r="Q43" s="664"/>
      <c r="R43" s="665" t="s">
        <v>129</v>
      </c>
      <c r="S43" s="666"/>
      <c r="T43" s="666"/>
      <c r="U43" s="666"/>
      <c r="V43" s="666"/>
      <c r="W43" s="666"/>
      <c r="X43" s="666"/>
      <c r="Y43" s="667"/>
      <c r="Z43" s="692" t="s">
        <v>129</v>
      </c>
      <c r="AA43" s="692"/>
      <c r="AB43" s="692"/>
      <c r="AC43" s="692"/>
      <c r="AD43" s="693" t="s">
        <v>129</v>
      </c>
      <c r="AE43" s="693"/>
      <c r="AF43" s="693"/>
      <c r="AG43" s="693"/>
      <c r="AH43" s="693"/>
      <c r="AI43" s="693"/>
      <c r="AJ43" s="693"/>
      <c r="AK43" s="693"/>
      <c r="AL43" s="668" t="s">
        <v>129</v>
      </c>
      <c r="AM43" s="669"/>
      <c r="AN43" s="669"/>
      <c r="AO43" s="694"/>
      <c r="BV43" s="219"/>
      <c r="BW43" s="219"/>
      <c r="BX43" s="219"/>
      <c r="BY43" s="219"/>
      <c r="BZ43" s="219"/>
      <c r="CA43" s="219"/>
      <c r="CB43" s="219"/>
      <c r="CD43" s="662" t="s">
        <v>357</v>
      </c>
      <c r="CE43" s="663"/>
      <c r="CF43" s="663"/>
      <c r="CG43" s="663"/>
      <c r="CH43" s="663"/>
      <c r="CI43" s="663"/>
      <c r="CJ43" s="663"/>
      <c r="CK43" s="663"/>
      <c r="CL43" s="663"/>
      <c r="CM43" s="663"/>
      <c r="CN43" s="663"/>
      <c r="CO43" s="663"/>
      <c r="CP43" s="663"/>
      <c r="CQ43" s="664"/>
      <c r="CR43" s="665">
        <v>139779</v>
      </c>
      <c r="CS43" s="676"/>
      <c r="CT43" s="676"/>
      <c r="CU43" s="676"/>
      <c r="CV43" s="676"/>
      <c r="CW43" s="676"/>
      <c r="CX43" s="676"/>
      <c r="CY43" s="677"/>
      <c r="CZ43" s="668">
        <v>0.2</v>
      </c>
      <c r="DA43" s="678"/>
      <c r="DB43" s="678"/>
      <c r="DC43" s="679"/>
      <c r="DD43" s="671">
        <v>139779</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8</v>
      </c>
      <c r="C44" s="643"/>
      <c r="D44" s="643"/>
      <c r="E44" s="643"/>
      <c r="F44" s="643"/>
      <c r="G44" s="643"/>
      <c r="H44" s="643"/>
      <c r="I44" s="643"/>
      <c r="J44" s="643"/>
      <c r="K44" s="643"/>
      <c r="L44" s="643"/>
      <c r="M44" s="643"/>
      <c r="N44" s="643"/>
      <c r="O44" s="643"/>
      <c r="P44" s="643"/>
      <c r="Q44" s="644"/>
      <c r="R44" s="645">
        <v>69868970</v>
      </c>
      <c r="S44" s="680"/>
      <c r="T44" s="680"/>
      <c r="U44" s="680"/>
      <c r="V44" s="680"/>
      <c r="W44" s="680"/>
      <c r="X44" s="680"/>
      <c r="Y44" s="681"/>
      <c r="Z44" s="682">
        <v>100</v>
      </c>
      <c r="AA44" s="682"/>
      <c r="AB44" s="682"/>
      <c r="AC44" s="682"/>
      <c r="AD44" s="683">
        <v>38975679</v>
      </c>
      <c r="AE44" s="683"/>
      <c r="AF44" s="683"/>
      <c r="AG44" s="683"/>
      <c r="AH44" s="683"/>
      <c r="AI44" s="683"/>
      <c r="AJ44" s="683"/>
      <c r="AK44" s="683"/>
      <c r="AL44" s="648">
        <v>100</v>
      </c>
      <c r="AM44" s="684"/>
      <c r="AN44" s="684"/>
      <c r="AO44" s="685"/>
      <c r="CD44" s="686" t="s">
        <v>305</v>
      </c>
      <c r="CE44" s="687"/>
      <c r="CF44" s="662" t="s">
        <v>359</v>
      </c>
      <c r="CG44" s="663"/>
      <c r="CH44" s="663"/>
      <c r="CI44" s="663"/>
      <c r="CJ44" s="663"/>
      <c r="CK44" s="663"/>
      <c r="CL44" s="663"/>
      <c r="CM44" s="663"/>
      <c r="CN44" s="663"/>
      <c r="CO44" s="663"/>
      <c r="CP44" s="663"/>
      <c r="CQ44" s="664"/>
      <c r="CR44" s="665">
        <v>2513949</v>
      </c>
      <c r="CS44" s="666"/>
      <c r="CT44" s="666"/>
      <c r="CU44" s="666"/>
      <c r="CV44" s="666"/>
      <c r="CW44" s="666"/>
      <c r="CX44" s="666"/>
      <c r="CY44" s="667"/>
      <c r="CZ44" s="668">
        <v>3.9</v>
      </c>
      <c r="DA44" s="669"/>
      <c r="DB44" s="669"/>
      <c r="DC44" s="670"/>
      <c r="DD44" s="671">
        <v>1007664</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60</v>
      </c>
      <c r="CG45" s="663"/>
      <c r="CH45" s="663"/>
      <c r="CI45" s="663"/>
      <c r="CJ45" s="663"/>
      <c r="CK45" s="663"/>
      <c r="CL45" s="663"/>
      <c r="CM45" s="663"/>
      <c r="CN45" s="663"/>
      <c r="CO45" s="663"/>
      <c r="CP45" s="663"/>
      <c r="CQ45" s="664"/>
      <c r="CR45" s="665">
        <v>424740</v>
      </c>
      <c r="CS45" s="676"/>
      <c r="CT45" s="676"/>
      <c r="CU45" s="676"/>
      <c r="CV45" s="676"/>
      <c r="CW45" s="676"/>
      <c r="CX45" s="676"/>
      <c r="CY45" s="677"/>
      <c r="CZ45" s="668">
        <v>0.7</v>
      </c>
      <c r="DA45" s="678"/>
      <c r="DB45" s="678"/>
      <c r="DC45" s="679"/>
      <c r="DD45" s="671">
        <v>82885</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61</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62</v>
      </c>
      <c r="CG46" s="663"/>
      <c r="CH46" s="663"/>
      <c r="CI46" s="663"/>
      <c r="CJ46" s="663"/>
      <c r="CK46" s="663"/>
      <c r="CL46" s="663"/>
      <c r="CM46" s="663"/>
      <c r="CN46" s="663"/>
      <c r="CO46" s="663"/>
      <c r="CP46" s="663"/>
      <c r="CQ46" s="664"/>
      <c r="CR46" s="665">
        <v>1964316</v>
      </c>
      <c r="CS46" s="666"/>
      <c r="CT46" s="666"/>
      <c r="CU46" s="666"/>
      <c r="CV46" s="666"/>
      <c r="CW46" s="666"/>
      <c r="CX46" s="666"/>
      <c r="CY46" s="667"/>
      <c r="CZ46" s="668">
        <v>3</v>
      </c>
      <c r="DA46" s="669"/>
      <c r="DB46" s="669"/>
      <c r="DC46" s="670"/>
      <c r="DD46" s="671">
        <v>913186</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3</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4</v>
      </c>
      <c r="CG47" s="663"/>
      <c r="CH47" s="663"/>
      <c r="CI47" s="663"/>
      <c r="CJ47" s="663"/>
      <c r="CK47" s="663"/>
      <c r="CL47" s="663"/>
      <c r="CM47" s="663"/>
      <c r="CN47" s="663"/>
      <c r="CO47" s="663"/>
      <c r="CP47" s="663"/>
      <c r="CQ47" s="664"/>
      <c r="CR47" s="665">
        <v>56068</v>
      </c>
      <c r="CS47" s="676"/>
      <c r="CT47" s="676"/>
      <c r="CU47" s="676"/>
      <c r="CV47" s="676"/>
      <c r="CW47" s="676"/>
      <c r="CX47" s="676"/>
      <c r="CY47" s="677"/>
      <c r="CZ47" s="668">
        <v>0.1</v>
      </c>
      <c r="DA47" s="678"/>
      <c r="DB47" s="678"/>
      <c r="DC47" s="679"/>
      <c r="DD47" s="671">
        <v>13073</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5</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6</v>
      </c>
      <c r="CG48" s="663"/>
      <c r="CH48" s="663"/>
      <c r="CI48" s="663"/>
      <c r="CJ48" s="663"/>
      <c r="CK48" s="663"/>
      <c r="CL48" s="663"/>
      <c r="CM48" s="663"/>
      <c r="CN48" s="663"/>
      <c r="CO48" s="663"/>
      <c r="CP48" s="663"/>
      <c r="CQ48" s="664"/>
      <c r="CR48" s="665" t="s">
        <v>129</v>
      </c>
      <c r="CS48" s="666"/>
      <c r="CT48" s="666"/>
      <c r="CU48" s="666"/>
      <c r="CV48" s="666"/>
      <c r="CW48" s="666"/>
      <c r="CX48" s="666"/>
      <c r="CY48" s="667"/>
      <c r="CZ48" s="668" t="s">
        <v>129</v>
      </c>
      <c r="DA48" s="669"/>
      <c r="DB48" s="669"/>
      <c r="DC48" s="670"/>
      <c r="DD48" s="671" t="s">
        <v>129</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7</v>
      </c>
      <c r="CE49" s="643"/>
      <c r="CF49" s="643"/>
      <c r="CG49" s="643"/>
      <c r="CH49" s="643"/>
      <c r="CI49" s="643"/>
      <c r="CJ49" s="643"/>
      <c r="CK49" s="643"/>
      <c r="CL49" s="643"/>
      <c r="CM49" s="643"/>
      <c r="CN49" s="643"/>
      <c r="CO49" s="643"/>
      <c r="CP49" s="643"/>
      <c r="CQ49" s="644"/>
      <c r="CR49" s="645">
        <v>64948417</v>
      </c>
      <c r="CS49" s="646"/>
      <c r="CT49" s="646"/>
      <c r="CU49" s="646"/>
      <c r="CV49" s="646"/>
      <c r="CW49" s="646"/>
      <c r="CX49" s="646"/>
      <c r="CY49" s="647"/>
      <c r="CZ49" s="648">
        <v>100</v>
      </c>
      <c r="DA49" s="649"/>
      <c r="DB49" s="649"/>
      <c r="DC49" s="650"/>
      <c r="DD49" s="651">
        <v>44578539</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ORFD6KAB7KV/26NayHbgGJaeXl4e5remBojKN4Ktz2rmeUj/PsV8Alzk1ONfZufL2F861/UOyg13Gud3QTzKYw==" saltValue="AX3R+1S+CT0a69k+44rXOA=="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CD25:CQ25"/>
    <mergeCell ref="CR25:CY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8</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9</v>
      </c>
      <c r="DK2" s="788"/>
      <c r="DL2" s="788"/>
      <c r="DM2" s="788"/>
      <c r="DN2" s="788"/>
      <c r="DO2" s="789"/>
      <c r="DP2" s="224"/>
      <c r="DQ2" s="787" t="s">
        <v>370</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71</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72</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3</v>
      </c>
      <c r="B5" s="793"/>
      <c r="C5" s="793"/>
      <c r="D5" s="793"/>
      <c r="E5" s="793"/>
      <c r="F5" s="793"/>
      <c r="G5" s="793"/>
      <c r="H5" s="793"/>
      <c r="I5" s="793"/>
      <c r="J5" s="793"/>
      <c r="K5" s="793"/>
      <c r="L5" s="793"/>
      <c r="M5" s="793"/>
      <c r="N5" s="793"/>
      <c r="O5" s="793"/>
      <c r="P5" s="794"/>
      <c r="Q5" s="798" t="s">
        <v>374</v>
      </c>
      <c r="R5" s="799"/>
      <c r="S5" s="799"/>
      <c r="T5" s="799"/>
      <c r="U5" s="800"/>
      <c r="V5" s="798" t="s">
        <v>375</v>
      </c>
      <c r="W5" s="799"/>
      <c r="X5" s="799"/>
      <c r="Y5" s="799"/>
      <c r="Z5" s="800"/>
      <c r="AA5" s="798" t="s">
        <v>376</v>
      </c>
      <c r="AB5" s="799"/>
      <c r="AC5" s="799"/>
      <c r="AD5" s="799"/>
      <c r="AE5" s="799"/>
      <c r="AF5" s="804" t="s">
        <v>377</v>
      </c>
      <c r="AG5" s="799"/>
      <c r="AH5" s="799"/>
      <c r="AI5" s="799"/>
      <c r="AJ5" s="805"/>
      <c r="AK5" s="799" t="s">
        <v>378</v>
      </c>
      <c r="AL5" s="799"/>
      <c r="AM5" s="799"/>
      <c r="AN5" s="799"/>
      <c r="AO5" s="800"/>
      <c r="AP5" s="798" t="s">
        <v>379</v>
      </c>
      <c r="AQ5" s="799"/>
      <c r="AR5" s="799"/>
      <c r="AS5" s="799"/>
      <c r="AT5" s="800"/>
      <c r="AU5" s="798" t="s">
        <v>380</v>
      </c>
      <c r="AV5" s="799"/>
      <c r="AW5" s="799"/>
      <c r="AX5" s="799"/>
      <c r="AY5" s="805"/>
      <c r="AZ5" s="228"/>
      <c r="BA5" s="228"/>
      <c r="BB5" s="228"/>
      <c r="BC5" s="228"/>
      <c r="BD5" s="228"/>
      <c r="BE5" s="229"/>
      <c r="BF5" s="229"/>
      <c r="BG5" s="229"/>
      <c r="BH5" s="229"/>
      <c r="BI5" s="229"/>
      <c r="BJ5" s="229"/>
      <c r="BK5" s="229"/>
      <c r="BL5" s="229"/>
      <c r="BM5" s="229"/>
      <c r="BN5" s="229"/>
      <c r="BO5" s="229"/>
      <c r="BP5" s="229"/>
      <c r="BQ5" s="792" t="s">
        <v>381</v>
      </c>
      <c r="BR5" s="793"/>
      <c r="BS5" s="793"/>
      <c r="BT5" s="793"/>
      <c r="BU5" s="793"/>
      <c r="BV5" s="793"/>
      <c r="BW5" s="793"/>
      <c r="BX5" s="793"/>
      <c r="BY5" s="793"/>
      <c r="BZ5" s="793"/>
      <c r="CA5" s="793"/>
      <c r="CB5" s="793"/>
      <c r="CC5" s="793"/>
      <c r="CD5" s="793"/>
      <c r="CE5" s="793"/>
      <c r="CF5" s="793"/>
      <c r="CG5" s="794"/>
      <c r="CH5" s="798" t="s">
        <v>382</v>
      </c>
      <c r="CI5" s="799"/>
      <c r="CJ5" s="799"/>
      <c r="CK5" s="799"/>
      <c r="CL5" s="800"/>
      <c r="CM5" s="798" t="s">
        <v>383</v>
      </c>
      <c r="CN5" s="799"/>
      <c r="CO5" s="799"/>
      <c r="CP5" s="799"/>
      <c r="CQ5" s="800"/>
      <c r="CR5" s="798" t="s">
        <v>384</v>
      </c>
      <c r="CS5" s="799"/>
      <c r="CT5" s="799"/>
      <c r="CU5" s="799"/>
      <c r="CV5" s="800"/>
      <c r="CW5" s="798" t="s">
        <v>385</v>
      </c>
      <c r="CX5" s="799"/>
      <c r="CY5" s="799"/>
      <c r="CZ5" s="799"/>
      <c r="DA5" s="800"/>
      <c r="DB5" s="798" t="s">
        <v>386</v>
      </c>
      <c r="DC5" s="799"/>
      <c r="DD5" s="799"/>
      <c r="DE5" s="799"/>
      <c r="DF5" s="800"/>
      <c r="DG5" s="828" t="s">
        <v>387</v>
      </c>
      <c r="DH5" s="829"/>
      <c r="DI5" s="829"/>
      <c r="DJ5" s="829"/>
      <c r="DK5" s="830"/>
      <c r="DL5" s="828" t="s">
        <v>388</v>
      </c>
      <c r="DM5" s="829"/>
      <c r="DN5" s="829"/>
      <c r="DO5" s="829"/>
      <c r="DP5" s="830"/>
      <c r="DQ5" s="798" t="s">
        <v>389</v>
      </c>
      <c r="DR5" s="799"/>
      <c r="DS5" s="799"/>
      <c r="DT5" s="799"/>
      <c r="DU5" s="800"/>
      <c r="DV5" s="798" t="s">
        <v>380</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90</v>
      </c>
      <c r="C7" s="815"/>
      <c r="D7" s="815"/>
      <c r="E7" s="815"/>
      <c r="F7" s="815"/>
      <c r="G7" s="815"/>
      <c r="H7" s="815"/>
      <c r="I7" s="815"/>
      <c r="J7" s="815"/>
      <c r="K7" s="815"/>
      <c r="L7" s="815"/>
      <c r="M7" s="815"/>
      <c r="N7" s="815"/>
      <c r="O7" s="815"/>
      <c r="P7" s="816"/>
      <c r="Q7" s="817">
        <v>69969</v>
      </c>
      <c r="R7" s="818"/>
      <c r="S7" s="818"/>
      <c r="T7" s="818"/>
      <c r="U7" s="818"/>
      <c r="V7" s="818">
        <v>65051</v>
      </c>
      <c r="W7" s="818"/>
      <c r="X7" s="818"/>
      <c r="Y7" s="818"/>
      <c r="Z7" s="818"/>
      <c r="AA7" s="818">
        <v>4918</v>
      </c>
      <c r="AB7" s="818"/>
      <c r="AC7" s="818"/>
      <c r="AD7" s="818"/>
      <c r="AE7" s="819"/>
      <c r="AF7" s="820">
        <v>4558</v>
      </c>
      <c r="AG7" s="821"/>
      <c r="AH7" s="821"/>
      <c r="AI7" s="821"/>
      <c r="AJ7" s="822"/>
      <c r="AK7" s="823">
        <v>149</v>
      </c>
      <c r="AL7" s="824"/>
      <c r="AM7" s="824"/>
      <c r="AN7" s="824"/>
      <c r="AO7" s="824"/>
      <c r="AP7" s="824">
        <v>30848</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t="s">
        <v>590</v>
      </c>
      <c r="BS7" s="811" t="s">
        <v>591</v>
      </c>
      <c r="BT7" s="812"/>
      <c r="BU7" s="812"/>
      <c r="BV7" s="812"/>
      <c r="BW7" s="812"/>
      <c r="BX7" s="812"/>
      <c r="BY7" s="812"/>
      <c r="BZ7" s="812"/>
      <c r="CA7" s="812"/>
      <c r="CB7" s="812"/>
      <c r="CC7" s="812"/>
      <c r="CD7" s="812"/>
      <c r="CE7" s="812"/>
      <c r="CF7" s="812"/>
      <c r="CG7" s="827"/>
      <c r="CH7" s="808">
        <v>0</v>
      </c>
      <c r="CI7" s="809"/>
      <c r="CJ7" s="809"/>
      <c r="CK7" s="809"/>
      <c r="CL7" s="810"/>
      <c r="CM7" s="808">
        <v>208</v>
      </c>
      <c r="CN7" s="809"/>
      <c r="CO7" s="809"/>
      <c r="CP7" s="809"/>
      <c r="CQ7" s="810"/>
      <c r="CR7" s="808">
        <v>3</v>
      </c>
      <c r="CS7" s="809"/>
      <c r="CT7" s="809"/>
      <c r="CU7" s="809"/>
      <c r="CV7" s="810"/>
      <c r="CW7" s="808" t="s">
        <v>599</v>
      </c>
      <c r="CX7" s="809"/>
      <c r="CY7" s="809"/>
      <c r="CZ7" s="809"/>
      <c r="DA7" s="810"/>
      <c r="DB7" s="808" t="s">
        <v>599</v>
      </c>
      <c r="DC7" s="809"/>
      <c r="DD7" s="809"/>
      <c r="DE7" s="809"/>
      <c r="DF7" s="810"/>
      <c r="DG7" s="808">
        <v>3224</v>
      </c>
      <c r="DH7" s="809"/>
      <c r="DI7" s="809"/>
      <c r="DJ7" s="809"/>
      <c r="DK7" s="810"/>
      <c r="DL7" s="808" t="s">
        <v>599</v>
      </c>
      <c r="DM7" s="809"/>
      <c r="DN7" s="809"/>
      <c r="DO7" s="809"/>
      <c r="DP7" s="810"/>
      <c r="DQ7" s="808" t="s">
        <v>599</v>
      </c>
      <c r="DR7" s="809"/>
      <c r="DS7" s="809"/>
      <c r="DT7" s="809"/>
      <c r="DU7" s="810"/>
      <c r="DV7" s="811"/>
      <c r="DW7" s="812"/>
      <c r="DX7" s="812"/>
      <c r="DY7" s="812"/>
      <c r="DZ7" s="813"/>
      <c r="EA7" s="230"/>
    </row>
    <row r="8" spans="1:131" s="231" customFormat="1" ht="26.25" customHeight="1" x14ac:dyDescent="0.2">
      <c r="A8" s="234">
        <v>2</v>
      </c>
      <c r="B8" s="845" t="s">
        <v>391</v>
      </c>
      <c r="C8" s="846"/>
      <c r="D8" s="846"/>
      <c r="E8" s="846"/>
      <c r="F8" s="846"/>
      <c r="G8" s="846"/>
      <c r="H8" s="846"/>
      <c r="I8" s="846"/>
      <c r="J8" s="846"/>
      <c r="K8" s="846"/>
      <c r="L8" s="846"/>
      <c r="M8" s="846"/>
      <c r="N8" s="846"/>
      <c r="O8" s="846"/>
      <c r="P8" s="847"/>
      <c r="Q8" s="848">
        <v>21</v>
      </c>
      <c r="R8" s="849"/>
      <c r="S8" s="849"/>
      <c r="T8" s="849"/>
      <c r="U8" s="849"/>
      <c r="V8" s="849">
        <v>18</v>
      </c>
      <c r="W8" s="849"/>
      <c r="X8" s="849"/>
      <c r="Y8" s="849"/>
      <c r="Z8" s="849"/>
      <c r="AA8" s="849">
        <v>2</v>
      </c>
      <c r="AB8" s="849"/>
      <c r="AC8" s="849"/>
      <c r="AD8" s="849"/>
      <c r="AE8" s="850"/>
      <c r="AF8" s="853">
        <v>2</v>
      </c>
      <c r="AG8" s="851"/>
      <c r="AH8" s="851"/>
      <c r="AI8" s="851"/>
      <c r="AJ8" s="852"/>
      <c r="AK8" s="834">
        <v>11</v>
      </c>
      <c r="AL8" s="835"/>
      <c r="AM8" s="835"/>
      <c r="AN8" s="835"/>
      <c r="AO8" s="835"/>
      <c r="AP8" s="835" t="s">
        <v>599</v>
      </c>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592</v>
      </c>
      <c r="BT8" s="839"/>
      <c r="BU8" s="839"/>
      <c r="BV8" s="839"/>
      <c r="BW8" s="839"/>
      <c r="BX8" s="839"/>
      <c r="BY8" s="839"/>
      <c r="BZ8" s="839"/>
      <c r="CA8" s="839"/>
      <c r="CB8" s="839"/>
      <c r="CC8" s="839"/>
      <c r="CD8" s="839"/>
      <c r="CE8" s="839"/>
      <c r="CF8" s="839"/>
      <c r="CG8" s="840"/>
      <c r="CH8" s="841">
        <v>0</v>
      </c>
      <c r="CI8" s="842"/>
      <c r="CJ8" s="842"/>
      <c r="CK8" s="842"/>
      <c r="CL8" s="843"/>
      <c r="CM8" s="841">
        <v>33</v>
      </c>
      <c r="CN8" s="842"/>
      <c r="CO8" s="842"/>
      <c r="CP8" s="842"/>
      <c r="CQ8" s="843"/>
      <c r="CR8" s="841">
        <v>10</v>
      </c>
      <c r="CS8" s="842"/>
      <c r="CT8" s="842"/>
      <c r="CU8" s="842"/>
      <c r="CV8" s="843"/>
      <c r="CW8" s="841" t="s">
        <v>599</v>
      </c>
      <c r="CX8" s="842"/>
      <c r="CY8" s="842"/>
      <c r="CZ8" s="842"/>
      <c r="DA8" s="843"/>
      <c r="DB8" s="841" t="s">
        <v>599</v>
      </c>
      <c r="DC8" s="842"/>
      <c r="DD8" s="842"/>
      <c r="DE8" s="842"/>
      <c r="DF8" s="843"/>
      <c r="DG8" s="841" t="s">
        <v>599</v>
      </c>
      <c r="DH8" s="842"/>
      <c r="DI8" s="842"/>
      <c r="DJ8" s="842"/>
      <c r="DK8" s="843"/>
      <c r="DL8" s="841" t="s">
        <v>599</v>
      </c>
      <c r="DM8" s="842"/>
      <c r="DN8" s="842"/>
      <c r="DO8" s="842"/>
      <c r="DP8" s="843"/>
      <c r="DQ8" s="841" t="s">
        <v>599</v>
      </c>
      <c r="DR8" s="842"/>
      <c r="DS8" s="842"/>
      <c r="DT8" s="842"/>
      <c r="DU8" s="843"/>
      <c r="DV8" s="838"/>
      <c r="DW8" s="839"/>
      <c r="DX8" s="839"/>
      <c r="DY8" s="839"/>
      <c r="DZ8" s="844"/>
      <c r="EA8" s="230"/>
    </row>
    <row r="9" spans="1:131" s="231" customFormat="1" ht="26.25" customHeight="1" x14ac:dyDescent="0.2">
      <c r="A9" s="234">
        <v>3</v>
      </c>
      <c r="B9" s="845" t="s">
        <v>392</v>
      </c>
      <c r="C9" s="846"/>
      <c r="D9" s="846"/>
      <c r="E9" s="846"/>
      <c r="F9" s="846"/>
      <c r="G9" s="846"/>
      <c r="H9" s="846"/>
      <c r="I9" s="846"/>
      <c r="J9" s="846"/>
      <c r="K9" s="846"/>
      <c r="L9" s="846"/>
      <c r="M9" s="846"/>
      <c r="N9" s="846"/>
      <c r="O9" s="846"/>
      <c r="P9" s="847"/>
      <c r="Q9" s="848">
        <v>216</v>
      </c>
      <c r="R9" s="849"/>
      <c r="S9" s="849"/>
      <c r="T9" s="849"/>
      <c r="U9" s="849"/>
      <c r="V9" s="849">
        <v>216</v>
      </c>
      <c r="W9" s="849"/>
      <c r="X9" s="849"/>
      <c r="Y9" s="849"/>
      <c r="Z9" s="849"/>
      <c r="AA9" s="850" t="s">
        <v>600</v>
      </c>
      <c r="AB9" s="851"/>
      <c r="AC9" s="851"/>
      <c r="AD9" s="851"/>
      <c r="AE9" s="852"/>
      <c r="AF9" s="853" t="s">
        <v>600</v>
      </c>
      <c r="AG9" s="851"/>
      <c r="AH9" s="851"/>
      <c r="AI9" s="851"/>
      <c r="AJ9" s="852"/>
      <c r="AK9" s="834">
        <v>216</v>
      </c>
      <c r="AL9" s="835"/>
      <c r="AM9" s="835"/>
      <c r="AN9" s="835"/>
      <c r="AO9" s="835"/>
      <c r="AP9" s="835">
        <v>1086</v>
      </c>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t="s">
        <v>593</v>
      </c>
      <c r="BT9" s="839"/>
      <c r="BU9" s="839"/>
      <c r="BV9" s="839"/>
      <c r="BW9" s="839"/>
      <c r="BX9" s="839"/>
      <c r="BY9" s="839"/>
      <c r="BZ9" s="839"/>
      <c r="CA9" s="839"/>
      <c r="CB9" s="839"/>
      <c r="CC9" s="839"/>
      <c r="CD9" s="839"/>
      <c r="CE9" s="839"/>
      <c r="CF9" s="839"/>
      <c r="CG9" s="840"/>
      <c r="CH9" s="841">
        <v>2</v>
      </c>
      <c r="CI9" s="842"/>
      <c r="CJ9" s="842"/>
      <c r="CK9" s="842"/>
      <c r="CL9" s="843"/>
      <c r="CM9" s="841">
        <v>983</v>
      </c>
      <c r="CN9" s="842"/>
      <c r="CO9" s="842"/>
      <c r="CP9" s="842"/>
      <c r="CQ9" s="843"/>
      <c r="CR9" s="841">
        <v>1</v>
      </c>
      <c r="CS9" s="842"/>
      <c r="CT9" s="842"/>
      <c r="CU9" s="842"/>
      <c r="CV9" s="843"/>
      <c r="CW9" s="841">
        <v>10</v>
      </c>
      <c r="CX9" s="842"/>
      <c r="CY9" s="842"/>
      <c r="CZ9" s="842"/>
      <c r="DA9" s="843"/>
      <c r="DB9" s="841" t="s">
        <v>599</v>
      </c>
      <c r="DC9" s="842"/>
      <c r="DD9" s="842"/>
      <c r="DE9" s="842"/>
      <c r="DF9" s="843"/>
      <c r="DG9" s="841" t="s">
        <v>599</v>
      </c>
      <c r="DH9" s="842"/>
      <c r="DI9" s="842"/>
      <c r="DJ9" s="842"/>
      <c r="DK9" s="843"/>
      <c r="DL9" s="841" t="s">
        <v>599</v>
      </c>
      <c r="DM9" s="842"/>
      <c r="DN9" s="842"/>
      <c r="DO9" s="842"/>
      <c r="DP9" s="843"/>
      <c r="DQ9" s="841" t="s">
        <v>599</v>
      </c>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50"/>
      <c r="AB10" s="851"/>
      <c r="AC10" s="851"/>
      <c r="AD10" s="851"/>
      <c r="AE10" s="852"/>
      <c r="AF10" s="853"/>
      <c r="AG10" s="851"/>
      <c r="AH10" s="851"/>
      <c r="AI10" s="851"/>
      <c r="AJ10" s="852"/>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t="s">
        <v>594</v>
      </c>
      <c r="BT10" s="839"/>
      <c r="BU10" s="839"/>
      <c r="BV10" s="839"/>
      <c r="BW10" s="839"/>
      <c r="BX10" s="839"/>
      <c r="BY10" s="839"/>
      <c r="BZ10" s="839"/>
      <c r="CA10" s="839"/>
      <c r="CB10" s="839"/>
      <c r="CC10" s="839"/>
      <c r="CD10" s="839"/>
      <c r="CE10" s="839"/>
      <c r="CF10" s="839"/>
      <c r="CG10" s="840"/>
      <c r="CH10" s="841">
        <v>6</v>
      </c>
      <c r="CI10" s="842"/>
      <c r="CJ10" s="842"/>
      <c r="CK10" s="842"/>
      <c r="CL10" s="843"/>
      <c r="CM10" s="841">
        <v>323</v>
      </c>
      <c r="CN10" s="842"/>
      <c r="CO10" s="842"/>
      <c r="CP10" s="842"/>
      <c r="CQ10" s="843"/>
      <c r="CR10" s="841">
        <v>300</v>
      </c>
      <c r="CS10" s="842"/>
      <c r="CT10" s="842"/>
      <c r="CU10" s="842"/>
      <c r="CV10" s="843"/>
      <c r="CW10" s="841">
        <v>0</v>
      </c>
      <c r="CX10" s="842"/>
      <c r="CY10" s="842"/>
      <c r="CZ10" s="842"/>
      <c r="DA10" s="843"/>
      <c r="DB10" s="841" t="s">
        <v>599</v>
      </c>
      <c r="DC10" s="842"/>
      <c r="DD10" s="842"/>
      <c r="DE10" s="842"/>
      <c r="DF10" s="843"/>
      <c r="DG10" s="841" t="s">
        <v>599</v>
      </c>
      <c r="DH10" s="842"/>
      <c r="DI10" s="842"/>
      <c r="DJ10" s="842"/>
      <c r="DK10" s="843"/>
      <c r="DL10" s="841" t="s">
        <v>599</v>
      </c>
      <c r="DM10" s="842"/>
      <c r="DN10" s="842"/>
      <c r="DO10" s="842"/>
      <c r="DP10" s="843"/>
      <c r="DQ10" s="841" t="s">
        <v>599</v>
      </c>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50"/>
      <c r="AB11" s="851"/>
      <c r="AC11" s="851"/>
      <c r="AD11" s="851"/>
      <c r="AE11" s="852"/>
      <c r="AF11" s="853"/>
      <c r="AG11" s="851"/>
      <c r="AH11" s="851"/>
      <c r="AI11" s="851"/>
      <c r="AJ11" s="852"/>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t="s">
        <v>595</v>
      </c>
      <c r="BT11" s="839"/>
      <c r="BU11" s="839"/>
      <c r="BV11" s="839"/>
      <c r="BW11" s="839"/>
      <c r="BX11" s="839"/>
      <c r="BY11" s="839"/>
      <c r="BZ11" s="839"/>
      <c r="CA11" s="839"/>
      <c r="CB11" s="839"/>
      <c r="CC11" s="839"/>
      <c r="CD11" s="839"/>
      <c r="CE11" s="839"/>
      <c r="CF11" s="839"/>
      <c r="CG11" s="840"/>
      <c r="CH11" s="841">
        <v>6</v>
      </c>
      <c r="CI11" s="842"/>
      <c r="CJ11" s="842"/>
      <c r="CK11" s="842"/>
      <c r="CL11" s="843"/>
      <c r="CM11" s="841">
        <v>1865</v>
      </c>
      <c r="CN11" s="842"/>
      <c r="CO11" s="842"/>
      <c r="CP11" s="842"/>
      <c r="CQ11" s="843"/>
      <c r="CR11" s="841">
        <v>37</v>
      </c>
      <c r="CS11" s="842"/>
      <c r="CT11" s="842"/>
      <c r="CU11" s="842"/>
      <c r="CV11" s="843"/>
      <c r="CW11" s="841">
        <v>15</v>
      </c>
      <c r="CX11" s="842"/>
      <c r="CY11" s="842"/>
      <c r="CZ11" s="842"/>
      <c r="DA11" s="843"/>
      <c r="DB11" s="841" t="s">
        <v>599</v>
      </c>
      <c r="DC11" s="842"/>
      <c r="DD11" s="842"/>
      <c r="DE11" s="842"/>
      <c r="DF11" s="843"/>
      <c r="DG11" s="841" t="s">
        <v>599</v>
      </c>
      <c r="DH11" s="842"/>
      <c r="DI11" s="842"/>
      <c r="DJ11" s="842"/>
      <c r="DK11" s="843"/>
      <c r="DL11" s="841" t="s">
        <v>599</v>
      </c>
      <c r="DM11" s="842"/>
      <c r="DN11" s="842"/>
      <c r="DO11" s="842"/>
      <c r="DP11" s="843"/>
      <c r="DQ11" s="841" t="s">
        <v>599</v>
      </c>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50"/>
      <c r="AB12" s="851"/>
      <c r="AC12" s="851"/>
      <c r="AD12" s="851"/>
      <c r="AE12" s="852"/>
      <c r="AF12" s="853"/>
      <c r="AG12" s="851"/>
      <c r="AH12" s="851"/>
      <c r="AI12" s="851"/>
      <c r="AJ12" s="852"/>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t="s">
        <v>596</v>
      </c>
      <c r="BT12" s="839"/>
      <c r="BU12" s="839"/>
      <c r="BV12" s="839"/>
      <c r="BW12" s="839"/>
      <c r="BX12" s="839"/>
      <c r="BY12" s="839"/>
      <c r="BZ12" s="839"/>
      <c r="CA12" s="839"/>
      <c r="CB12" s="839"/>
      <c r="CC12" s="839"/>
      <c r="CD12" s="839"/>
      <c r="CE12" s="839"/>
      <c r="CF12" s="839"/>
      <c r="CG12" s="840"/>
      <c r="CH12" s="841">
        <v>-4</v>
      </c>
      <c r="CI12" s="842"/>
      <c r="CJ12" s="842"/>
      <c r="CK12" s="842"/>
      <c r="CL12" s="843"/>
      <c r="CM12" s="841">
        <v>862</v>
      </c>
      <c r="CN12" s="842"/>
      <c r="CO12" s="842"/>
      <c r="CP12" s="842"/>
      <c r="CQ12" s="843"/>
      <c r="CR12" s="841">
        <v>1</v>
      </c>
      <c r="CS12" s="842"/>
      <c r="CT12" s="842"/>
      <c r="CU12" s="842"/>
      <c r="CV12" s="843"/>
      <c r="CW12" s="841">
        <v>0</v>
      </c>
      <c r="CX12" s="842"/>
      <c r="CY12" s="842"/>
      <c r="CZ12" s="842"/>
      <c r="DA12" s="843"/>
      <c r="DB12" s="841" t="s">
        <v>599</v>
      </c>
      <c r="DC12" s="842"/>
      <c r="DD12" s="842"/>
      <c r="DE12" s="842"/>
      <c r="DF12" s="843"/>
      <c r="DG12" s="841" t="s">
        <v>599</v>
      </c>
      <c r="DH12" s="842"/>
      <c r="DI12" s="842"/>
      <c r="DJ12" s="842"/>
      <c r="DK12" s="843"/>
      <c r="DL12" s="841" t="s">
        <v>599</v>
      </c>
      <c r="DM12" s="842"/>
      <c r="DN12" s="842"/>
      <c r="DO12" s="842"/>
      <c r="DP12" s="843"/>
      <c r="DQ12" s="841" t="s">
        <v>599</v>
      </c>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50"/>
      <c r="AB13" s="851"/>
      <c r="AC13" s="851"/>
      <c r="AD13" s="851"/>
      <c r="AE13" s="852"/>
      <c r="AF13" s="853"/>
      <c r="AG13" s="851"/>
      <c r="AH13" s="851"/>
      <c r="AI13" s="851"/>
      <c r="AJ13" s="852"/>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50"/>
      <c r="AB14" s="851"/>
      <c r="AC14" s="851"/>
      <c r="AD14" s="851"/>
      <c r="AE14" s="852"/>
      <c r="AF14" s="853"/>
      <c r="AG14" s="851"/>
      <c r="AH14" s="851"/>
      <c r="AI14" s="851"/>
      <c r="AJ14" s="852"/>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50"/>
      <c r="AB15" s="851"/>
      <c r="AC15" s="851"/>
      <c r="AD15" s="851"/>
      <c r="AE15" s="852"/>
      <c r="AF15" s="853"/>
      <c r="AG15" s="851"/>
      <c r="AH15" s="851"/>
      <c r="AI15" s="851"/>
      <c r="AJ15" s="852"/>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50"/>
      <c r="AB16" s="851"/>
      <c r="AC16" s="851"/>
      <c r="AD16" s="851"/>
      <c r="AE16" s="852"/>
      <c r="AF16" s="853"/>
      <c r="AG16" s="851"/>
      <c r="AH16" s="851"/>
      <c r="AI16" s="851"/>
      <c r="AJ16" s="852"/>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50"/>
      <c r="AB17" s="851"/>
      <c r="AC17" s="851"/>
      <c r="AD17" s="851"/>
      <c r="AE17" s="852"/>
      <c r="AF17" s="853"/>
      <c r="AG17" s="851"/>
      <c r="AH17" s="851"/>
      <c r="AI17" s="851"/>
      <c r="AJ17" s="852"/>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50"/>
      <c r="AB18" s="851"/>
      <c r="AC18" s="851"/>
      <c r="AD18" s="851"/>
      <c r="AE18" s="852"/>
      <c r="AF18" s="853"/>
      <c r="AG18" s="851"/>
      <c r="AH18" s="851"/>
      <c r="AI18" s="851"/>
      <c r="AJ18" s="852"/>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50"/>
      <c r="AB19" s="851"/>
      <c r="AC19" s="851"/>
      <c r="AD19" s="851"/>
      <c r="AE19" s="852"/>
      <c r="AF19" s="853"/>
      <c r="AG19" s="851"/>
      <c r="AH19" s="851"/>
      <c r="AI19" s="851"/>
      <c r="AJ19" s="852"/>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50"/>
      <c r="AB20" s="851"/>
      <c r="AC20" s="851"/>
      <c r="AD20" s="851"/>
      <c r="AE20" s="852"/>
      <c r="AF20" s="853"/>
      <c r="AG20" s="851"/>
      <c r="AH20" s="851"/>
      <c r="AI20" s="851"/>
      <c r="AJ20" s="852"/>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50"/>
      <c r="AB21" s="851"/>
      <c r="AC21" s="851"/>
      <c r="AD21" s="851"/>
      <c r="AE21" s="852"/>
      <c r="AF21" s="853"/>
      <c r="AG21" s="851"/>
      <c r="AH21" s="851"/>
      <c r="AI21" s="851"/>
      <c r="AJ21" s="852"/>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6"/>
      <c r="R22" s="867"/>
      <c r="S22" s="867"/>
      <c r="T22" s="867"/>
      <c r="U22" s="867"/>
      <c r="V22" s="867"/>
      <c r="W22" s="867"/>
      <c r="X22" s="867"/>
      <c r="Y22" s="867"/>
      <c r="Z22" s="867"/>
      <c r="AA22" s="868"/>
      <c r="AB22" s="869"/>
      <c r="AC22" s="869"/>
      <c r="AD22" s="869"/>
      <c r="AE22" s="870"/>
      <c r="AF22" s="853"/>
      <c r="AG22" s="851"/>
      <c r="AH22" s="851"/>
      <c r="AI22" s="851"/>
      <c r="AJ22" s="852"/>
      <c r="AK22" s="871"/>
      <c r="AL22" s="872"/>
      <c r="AM22" s="872"/>
      <c r="AN22" s="872"/>
      <c r="AO22" s="872"/>
      <c r="AP22" s="872"/>
      <c r="AQ22" s="872"/>
      <c r="AR22" s="872"/>
      <c r="AS22" s="872"/>
      <c r="AT22" s="872"/>
      <c r="AU22" s="873"/>
      <c r="AV22" s="873"/>
      <c r="AW22" s="873"/>
      <c r="AX22" s="873"/>
      <c r="AY22" s="874"/>
      <c r="AZ22" s="875" t="s">
        <v>393</v>
      </c>
      <c r="BA22" s="875"/>
      <c r="BB22" s="875"/>
      <c r="BC22" s="875"/>
      <c r="BD22" s="876"/>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4</v>
      </c>
      <c r="B23" s="854" t="s">
        <v>395</v>
      </c>
      <c r="C23" s="855"/>
      <c r="D23" s="855"/>
      <c r="E23" s="855"/>
      <c r="F23" s="855"/>
      <c r="G23" s="855"/>
      <c r="H23" s="855"/>
      <c r="I23" s="855"/>
      <c r="J23" s="855"/>
      <c r="K23" s="855"/>
      <c r="L23" s="855"/>
      <c r="M23" s="855"/>
      <c r="N23" s="855"/>
      <c r="O23" s="855"/>
      <c r="P23" s="856"/>
      <c r="Q23" s="857">
        <v>69978</v>
      </c>
      <c r="R23" s="858"/>
      <c r="S23" s="858"/>
      <c r="T23" s="858"/>
      <c r="U23" s="858"/>
      <c r="V23" s="858">
        <v>65058</v>
      </c>
      <c r="W23" s="858"/>
      <c r="X23" s="858"/>
      <c r="Y23" s="858"/>
      <c r="Z23" s="858"/>
      <c r="AA23" s="859">
        <v>4921</v>
      </c>
      <c r="AB23" s="860"/>
      <c r="AC23" s="860"/>
      <c r="AD23" s="860"/>
      <c r="AE23" s="861"/>
      <c r="AF23" s="862">
        <v>4561</v>
      </c>
      <c r="AG23" s="858"/>
      <c r="AH23" s="858"/>
      <c r="AI23" s="858"/>
      <c r="AJ23" s="863"/>
      <c r="AK23" s="864"/>
      <c r="AL23" s="865"/>
      <c r="AM23" s="865"/>
      <c r="AN23" s="865"/>
      <c r="AO23" s="865"/>
      <c r="AP23" s="858">
        <v>31934</v>
      </c>
      <c r="AQ23" s="858"/>
      <c r="AR23" s="858"/>
      <c r="AS23" s="858"/>
      <c r="AT23" s="858"/>
      <c r="AU23" s="878"/>
      <c r="AV23" s="878"/>
      <c r="AW23" s="878"/>
      <c r="AX23" s="878"/>
      <c r="AY23" s="879"/>
      <c r="AZ23" s="880" t="s">
        <v>396</v>
      </c>
      <c r="BA23" s="860"/>
      <c r="BB23" s="860"/>
      <c r="BC23" s="860"/>
      <c r="BD23" s="861"/>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7" t="s">
        <v>397</v>
      </c>
      <c r="B24" s="877"/>
      <c r="C24" s="877"/>
      <c r="D24" s="877"/>
      <c r="E24" s="877"/>
      <c r="F24" s="877"/>
      <c r="G24" s="877"/>
      <c r="H24" s="877"/>
      <c r="I24" s="877"/>
      <c r="J24" s="877"/>
      <c r="K24" s="877"/>
      <c r="L24" s="877"/>
      <c r="M24" s="877"/>
      <c r="N24" s="877"/>
      <c r="O24" s="877"/>
      <c r="P24" s="877"/>
      <c r="Q24" s="877"/>
      <c r="R24" s="877"/>
      <c r="S24" s="877"/>
      <c r="T24" s="877"/>
      <c r="U24" s="877"/>
      <c r="V24" s="877"/>
      <c r="W24" s="877"/>
      <c r="X24" s="877"/>
      <c r="Y24" s="877"/>
      <c r="Z24" s="877"/>
      <c r="AA24" s="877"/>
      <c r="AB24" s="877"/>
      <c r="AC24" s="877"/>
      <c r="AD24" s="877"/>
      <c r="AE24" s="877"/>
      <c r="AF24" s="877"/>
      <c r="AG24" s="877"/>
      <c r="AH24" s="877"/>
      <c r="AI24" s="877"/>
      <c r="AJ24" s="877"/>
      <c r="AK24" s="877"/>
      <c r="AL24" s="877"/>
      <c r="AM24" s="877"/>
      <c r="AN24" s="877"/>
      <c r="AO24" s="877"/>
      <c r="AP24" s="877"/>
      <c r="AQ24" s="877"/>
      <c r="AR24" s="877"/>
      <c r="AS24" s="877"/>
      <c r="AT24" s="877"/>
      <c r="AU24" s="877"/>
      <c r="AV24" s="877"/>
      <c r="AW24" s="877"/>
      <c r="AX24" s="877"/>
      <c r="AY24" s="877"/>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8</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3</v>
      </c>
      <c r="B26" s="793"/>
      <c r="C26" s="793"/>
      <c r="D26" s="793"/>
      <c r="E26" s="793"/>
      <c r="F26" s="793"/>
      <c r="G26" s="793"/>
      <c r="H26" s="793"/>
      <c r="I26" s="793"/>
      <c r="J26" s="793"/>
      <c r="K26" s="793"/>
      <c r="L26" s="793"/>
      <c r="M26" s="793"/>
      <c r="N26" s="793"/>
      <c r="O26" s="793"/>
      <c r="P26" s="794"/>
      <c r="Q26" s="798" t="s">
        <v>399</v>
      </c>
      <c r="R26" s="799"/>
      <c r="S26" s="799"/>
      <c r="T26" s="799"/>
      <c r="U26" s="800"/>
      <c r="V26" s="798" t="s">
        <v>400</v>
      </c>
      <c r="W26" s="799"/>
      <c r="X26" s="799"/>
      <c r="Y26" s="799"/>
      <c r="Z26" s="800"/>
      <c r="AA26" s="798" t="s">
        <v>401</v>
      </c>
      <c r="AB26" s="799"/>
      <c r="AC26" s="799"/>
      <c r="AD26" s="799"/>
      <c r="AE26" s="799"/>
      <c r="AF26" s="881" t="s">
        <v>402</v>
      </c>
      <c r="AG26" s="882"/>
      <c r="AH26" s="882"/>
      <c r="AI26" s="882"/>
      <c r="AJ26" s="883"/>
      <c r="AK26" s="799" t="s">
        <v>403</v>
      </c>
      <c r="AL26" s="799"/>
      <c r="AM26" s="799"/>
      <c r="AN26" s="799"/>
      <c r="AO26" s="800"/>
      <c r="AP26" s="798" t="s">
        <v>404</v>
      </c>
      <c r="AQ26" s="799"/>
      <c r="AR26" s="799"/>
      <c r="AS26" s="799"/>
      <c r="AT26" s="800"/>
      <c r="AU26" s="798" t="s">
        <v>405</v>
      </c>
      <c r="AV26" s="799"/>
      <c r="AW26" s="799"/>
      <c r="AX26" s="799"/>
      <c r="AY26" s="800"/>
      <c r="AZ26" s="798" t="s">
        <v>406</v>
      </c>
      <c r="BA26" s="799"/>
      <c r="BB26" s="799"/>
      <c r="BC26" s="799"/>
      <c r="BD26" s="800"/>
      <c r="BE26" s="798" t="s">
        <v>380</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4"/>
      <c r="AG27" s="885"/>
      <c r="AH27" s="885"/>
      <c r="AI27" s="885"/>
      <c r="AJ27" s="886"/>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7</v>
      </c>
      <c r="C28" s="815"/>
      <c r="D28" s="815"/>
      <c r="E28" s="815"/>
      <c r="F28" s="815"/>
      <c r="G28" s="815"/>
      <c r="H28" s="815"/>
      <c r="I28" s="815"/>
      <c r="J28" s="815"/>
      <c r="K28" s="815"/>
      <c r="L28" s="815"/>
      <c r="M28" s="815"/>
      <c r="N28" s="815"/>
      <c r="O28" s="815"/>
      <c r="P28" s="816"/>
      <c r="Q28" s="889">
        <v>16857</v>
      </c>
      <c r="R28" s="890"/>
      <c r="S28" s="890"/>
      <c r="T28" s="890"/>
      <c r="U28" s="890"/>
      <c r="V28" s="890">
        <v>16618</v>
      </c>
      <c r="W28" s="890"/>
      <c r="X28" s="890"/>
      <c r="Y28" s="890"/>
      <c r="Z28" s="890"/>
      <c r="AA28" s="890">
        <f>Q28-V28</f>
        <v>239</v>
      </c>
      <c r="AB28" s="890"/>
      <c r="AC28" s="890"/>
      <c r="AD28" s="890"/>
      <c r="AE28" s="891"/>
      <c r="AF28" s="892">
        <v>239</v>
      </c>
      <c r="AG28" s="890"/>
      <c r="AH28" s="890"/>
      <c r="AI28" s="890"/>
      <c r="AJ28" s="893"/>
      <c r="AK28" s="894">
        <v>1398</v>
      </c>
      <c r="AL28" s="895"/>
      <c r="AM28" s="895"/>
      <c r="AN28" s="895"/>
      <c r="AO28" s="895"/>
      <c r="AP28" s="895" t="s">
        <v>599</v>
      </c>
      <c r="AQ28" s="895"/>
      <c r="AR28" s="895"/>
      <c r="AS28" s="895"/>
      <c r="AT28" s="895"/>
      <c r="AU28" s="895" t="s">
        <v>599</v>
      </c>
      <c r="AV28" s="895"/>
      <c r="AW28" s="895"/>
      <c r="AX28" s="895"/>
      <c r="AY28" s="895"/>
      <c r="AZ28" s="896"/>
      <c r="BA28" s="896"/>
      <c r="BB28" s="896"/>
      <c r="BC28" s="896"/>
      <c r="BD28" s="896"/>
      <c r="BE28" s="887"/>
      <c r="BF28" s="887"/>
      <c r="BG28" s="887"/>
      <c r="BH28" s="887"/>
      <c r="BI28" s="888"/>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8</v>
      </c>
      <c r="C29" s="846"/>
      <c r="D29" s="846"/>
      <c r="E29" s="846"/>
      <c r="F29" s="846"/>
      <c r="G29" s="846"/>
      <c r="H29" s="846"/>
      <c r="I29" s="846"/>
      <c r="J29" s="846"/>
      <c r="K29" s="846"/>
      <c r="L29" s="846"/>
      <c r="M29" s="846"/>
      <c r="N29" s="846"/>
      <c r="O29" s="846"/>
      <c r="P29" s="847"/>
      <c r="Q29" s="848">
        <v>18366</v>
      </c>
      <c r="R29" s="849"/>
      <c r="S29" s="849"/>
      <c r="T29" s="849"/>
      <c r="U29" s="849"/>
      <c r="V29" s="849">
        <v>17854</v>
      </c>
      <c r="W29" s="849"/>
      <c r="X29" s="849"/>
      <c r="Y29" s="849"/>
      <c r="Z29" s="849"/>
      <c r="AA29" s="850">
        <f>Q29-V29</f>
        <v>512</v>
      </c>
      <c r="AB29" s="851"/>
      <c r="AC29" s="851"/>
      <c r="AD29" s="851"/>
      <c r="AE29" s="852"/>
      <c r="AF29" s="853">
        <v>512</v>
      </c>
      <c r="AG29" s="851"/>
      <c r="AH29" s="851"/>
      <c r="AI29" s="851"/>
      <c r="AJ29" s="852"/>
      <c r="AK29" s="901">
        <v>3026</v>
      </c>
      <c r="AL29" s="897"/>
      <c r="AM29" s="897"/>
      <c r="AN29" s="897"/>
      <c r="AO29" s="897"/>
      <c r="AP29" s="897" t="s">
        <v>599</v>
      </c>
      <c r="AQ29" s="897"/>
      <c r="AR29" s="897"/>
      <c r="AS29" s="897"/>
      <c r="AT29" s="897"/>
      <c r="AU29" s="897" t="s">
        <v>599</v>
      </c>
      <c r="AV29" s="897"/>
      <c r="AW29" s="897"/>
      <c r="AX29" s="897"/>
      <c r="AY29" s="897"/>
      <c r="AZ29" s="898"/>
      <c r="BA29" s="898"/>
      <c r="BB29" s="898"/>
      <c r="BC29" s="898"/>
      <c r="BD29" s="898"/>
      <c r="BE29" s="899"/>
      <c r="BF29" s="899"/>
      <c r="BG29" s="899"/>
      <c r="BH29" s="899"/>
      <c r="BI29" s="900"/>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9</v>
      </c>
      <c r="C30" s="846"/>
      <c r="D30" s="846"/>
      <c r="E30" s="846"/>
      <c r="F30" s="846"/>
      <c r="G30" s="846"/>
      <c r="H30" s="846"/>
      <c r="I30" s="846"/>
      <c r="J30" s="846"/>
      <c r="K30" s="846"/>
      <c r="L30" s="846"/>
      <c r="M30" s="846"/>
      <c r="N30" s="846"/>
      <c r="O30" s="846"/>
      <c r="P30" s="847"/>
      <c r="Q30" s="848">
        <v>5811</v>
      </c>
      <c r="R30" s="849"/>
      <c r="S30" s="849"/>
      <c r="T30" s="849"/>
      <c r="U30" s="849"/>
      <c r="V30" s="849">
        <v>5756</v>
      </c>
      <c r="W30" s="849"/>
      <c r="X30" s="849"/>
      <c r="Y30" s="849"/>
      <c r="Z30" s="849"/>
      <c r="AA30" s="850">
        <f>Q30-V30</f>
        <v>55</v>
      </c>
      <c r="AB30" s="851"/>
      <c r="AC30" s="851"/>
      <c r="AD30" s="851"/>
      <c r="AE30" s="852"/>
      <c r="AF30" s="853">
        <v>55</v>
      </c>
      <c r="AG30" s="851"/>
      <c r="AH30" s="851"/>
      <c r="AI30" s="851"/>
      <c r="AJ30" s="852"/>
      <c r="AK30" s="901">
        <v>2253</v>
      </c>
      <c r="AL30" s="897"/>
      <c r="AM30" s="897"/>
      <c r="AN30" s="897"/>
      <c r="AO30" s="897"/>
      <c r="AP30" s="897" t="s">
        <v>599</v>
      </c>
      <c r="AQ30" s="897"/>
      <c r="AR30" s="897"/>
      <c r="AS30" s="897"/>
      <c r="AT30" s="897"/>
      <c r="AU30" s="897" t="s">
        <v>599</v>
      </c>
      <c r="AV30" s="897"/>
      <c r="AW30" s="897"/>
      <c r="AX30" s="897"/>
      <c r="AY30" s="897"/>
      <c r="AZ30" s="898"/>
      <c r="BA30" s="898"/>
      <c r="BB30" s="898"/>
      <c r="BC30" s="898"/>
      <c r="BD30" s="898"/>
      <c r="BE30" s="899"/>
      <c r="BF30" s="899"/>
      <c r="BG30" s="899"/>
      <c r="BH30" s="899"/>
      <c r="BI30" s="900"/>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10</v>
      </c>
      <c r="C31" s="846"/>
      <c r="D31" s="846"/>
      <c r="E31" s="846"/>
      <c r="F31" s="846"/>
      <c r="G31" s="846"/>
      <c r="H31" s="846"/>
      <c r="I31" s="846"/>
      <c r="J31" s="846"/>
      <c r="K31" s="846"/>
      <c r="L31" s="846"/>
      <c r="M31" s="846"/>
      <c r="N31" s="846"/>
      <c r="O31" s="846"/>
      <c r="P31" s="847"/>
      <c r="Q31" s="848">
        <v>6837</v>
      </c>
      <c r="R31" s="849"/>
      <c r="S31" s="849"/>
      <c r="T31" s="849"/>
      <c r="U31" s="849"/>
      <c r="V31" s="849">
        <v>6552</v>
      </c>
      <c r="W31" s="849"/>
      <c r="X31" s="849"/>
      <c r="Y31" s="849"/>
      <c r="Z31" s="849"/>
      <c r="AA31" s="850">
        <v>285</v>
      </c>
      <c r="AB31" s="851"/>
      <c r="AC31" s="851"/>
      <c r="AD31" s="851"/>
      <c r="AE31" s="852"/>
      <c r="AF31" s="853">
        <v>468</v>
      </c>
      <c r="AG31" s="851"/>
      <c r="AH31" s="851"/>
      <c r="AI31" s="851"/>
      <c r="AJ31" s="852"/>
      <c r="AK31" s="901">
        <v>2823</v>
      </c>
      <c r="AL31" s="897"/>
      <c r="AM31" s="897"/>
      <c r="AN31" s="897"/>
      <c r="AO31" s="897"/>
      <c r="AP31" s="897">
        <v>32224</v>
      </c>
      <c r="AQ31" s="897"/>
      <c r="AR31" s="897"/>
      <c r="AS31" s="897"/>
      <c r="AT31" s="897"/>
      <c r="AU31" s="897">
        <v>21397</v>
      </c>
      <c r="AV31" s="897"/>
      <c r="AW31" s="897"/>
      <c r="AX31" s="897"/>
      <c r="AY31" s="897"/>
      <c r="AZ31" s="898" t="s">
        <v>599</v>
      </c>
      <c r="BA31" s="898"/>
      <c r="BB31" s="898"/>
      <c r="BC31" s="898"/>
      <c r="BD31" s="898"/>
      <c r="BE31" s="899" t="s">
        <v>411</v>
      </c>
      <c r="BF31" s="899"/>
      <c r="BG31" s="899"/>
      <c r="BH31" s="899"/>
      <c r="BI31" s="900"/>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c r="C32" s="846"/>
      <c r="D32" s="846"/>
      <c r="E32" s="846"/>
      <c r="F32" s="846"/>
      <c r="G32" s="846"/>
      <c r="H32" s="846"/>
      <c r="I32" s="846"/>
      <c r="J32" s="846"/>
      <c r="K32" s="846"/>
      <c r="L32" s="846"/>
      <c r="M32" s="846"/>
      <c r="N32" s="846"/>
      <c r="O32" s="846"/>
      <c r="P32" s="847"/>
      <c r="Q32" s="848"/>
      <c r="R32" s="849"/>
      <c r="S32" s="849"/>
      <c r="T32" s="849"/>
      <c r="U32" s="849"/>
      <c r="V32" s="849"/>
      <c r="W32" s="849"/>
      <c r="X32" s="849"/>
      <c r="Y32" s="849"/>
      <c r="Z32" s="849"/>
      <c r="AA32" s="849"/>
      <c r="AB32" s="849"/>
      <c r="AC32" s="849"/>
      <c r="AD32" s="849"/>
      <c r="AE32" s="850"/>
      <c r="AF32" s="853"/>
      <c r="AG32" s="851"/>
      <c r="AH32" s="851"/>
      <c r="AI32" s="851"/>
      <c r="AJ32" s="852"/>
      <c r="AK32" s="901"/>
      <c r="AL32" s="897"/>
      <c r="AM32" s="897"/>
      <c r="AN32" s="897"/>
      <c r="AO32" s="897"/>
      <c r="AP32" s="897"/>
      <c r="AQ32" s="897"/>
      <c r="AR32" s="897"/>
      <c r="AS32" s="897"/>
      <c r="AT32" s="897"/>
      <c r="AU32" s="897"/>
      <c r="AV32" s="897"/>
      <c r="AW32" s="897"/>
      <c r="AX32" s="897"/>
      <c r="AY32" s="897"/>
      <c r="AZ32" s="898"/>
      <c r="BA32" s="898"/>
      <c r="BB32" s="898"/>
      <c r="BC32" s="898"/>
      <c r="BD32" s="898"/>
      <c r="BE32" s="899"/>
      <c r="BF32" s="899"/>
      <c r="BG32" s="899"/>
      <c r="BH32" s="899"/>
      <c r="BI32" s="900"/>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3"/>
      <c r="AG33" s="851"/>
      <c r="AH33" s="851"/>
      <c r="AI33" s="851"/>
      <c r="AJ33" s="852"/>
      <c r="AK33" s="901"/>
      <c r="AL33" s="897"/>
      <c r="AM33" s="897"/>
      <c r="AN33" s="897"/>
      <c r="AO33" s="897"/>
      <c r="AP33" s="897"/>
      <c r="AQ33" s="897"/>
      <c r="AR33" s="897"/>
      <c r="AS33" s="897"/>
      <c r="AT33" s="897"/>
      <c r="AU33" s="897"/>
      <c r="AV33" s="897"/>
      <c r="AW33" s="897"/>
      <c r="AX33" s="897"/>
      <c r="AY33" s="897"/>
      <c r="AZ33" s="898"/>
      <c r="BA33" s="898"/>
      <c r="BB33" s="898"/>
      <c r="BC33" s="898"/>
      <c r="BD33" s="898"/>
      <c r="BE33" s="899"/>
      <c r="BF33" s="899"/>
      <c r="BG33" s="899"/>
      <c r="BH33" s="899"/>
      <c r="BI33" s="900"/>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3"/>
      <c r="AG34" s="851"/>
      <c r="AH34" s="851"/>
      <c r="AI34" s="851"/>
      <c r="AJ34" s="852"/>
      <c r="AK34" s="901"/>
      <c r="AL34" s="897"/>
      <c r="AM34" s="897"/>
      <c r="AN34" s="897"/>
      <c r="AO34" s="897"/>
      <c r="AP34" s="897"/>
      <c r="AQ34" s="897"/>
      <c r="AR34" s="897"/>
      <c r="AS34" s="897"/>
      <c r="AT34" s="897"/>
      <c r="AU34" s="897"/>
      <c r="AV34" s="897"/>
      <c r="AW34" s="897"/>
      <c r="AX34" s="897"/>
      <c r="AY34" s="897"/>
      <c r="AZ34" s="898"/>
      <c r="BA34" s="898"/>
      <c r="BB34" s="898"/>
      <c r="BC34" s="898"/>
      <c r="BD34" s="898"/>
      <c r="BE34" s="899"/>
      <c r="BF34" s="899"/>
      <c r="BG34" s="899"/>
      <c r="BH34" s="899"/>
      <c r="BI34" s="900"/>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3"/>
      <c r="AG35" s="851"/>
      <c r="AH35" s="851"/>
      <c r="AI35" s="851"/>
      <c r="AJ35" s="852"/>
      <c r="AK35" s="901"/>
      <c r="AL35" s="897"/>
      <c r="AM35" s="897"/>
      <c r="AN35" s="897"/>
      <c r="AO35" s="897"/>
      <c r="AP35" s="897"/>
      <c r="AQ35" s="897"/>
      <c r="AR35" s="897"/>
      <c r="AS35" s="897"/>
      <c r="AT35" s="897"/>
      <c r="AU35" s="897"/>
      <c r="AV35" s="897"/>
      <c r="AW35" s="897"/>
      <c r="AX35" s="897"/>
      <c r="AY35" s="897"/>
      <c r="AZ35" s="898"/>
      <c r="BA35" s="898"/>
      <c r="BB35" s="898"/>
      <c r="BC35" s="898"/>
      <c r="BD35" s="898"/>
      <c r="BE35" s="899"/>
      <c r="BF35" s="899"/>
      <c r="BG35" s="899"/>
      <c r="BH35" s="899"/>
      <c r="BI35" s="900"/>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3"/>
      <c r="AG36" s="851"/>
      <c r="AH36" s="851"/>
      <c r="AI36" s="851"/>
      <c r="AJ36" s="852"/>
      <c r="AK36" s="901"/>
      <c r="AL36" s="897"/>
      <c r="AM36" s="897"/>
      <c r="AN36" s="897"/>
      <c r="AO36" s="897"/>
      <c r="AP36" s="897"/>
      <c r="AQ36" s="897"/>
      <c r="AR36" s="897"/>
      <c r="AS36" s="897"/>
      <c r="AT36" s="897"/>
      <c r="AU36" s="897"/>
      <c r="AV36" s="897"/>
      <c r="AW36" s="897"/>
      <c r="AX36" s="897"/>
      <c r="AY36" s="897"/>
      <c r="AZ36" s="898"/>
      <c r="BA36" s="898"/>
      <c r="BB36" s="898"/>
      <c r="BC36" s="898"/>
      <c r="BD36" s="898"/>
      <c r="BE36" s="899"/>
      <c r="BF36" s="899"/>
      <c r="BG36" s="899"/>
      <c r="BH36" s="899"/>
      <c r="BI36" s="900"/>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3"/>
      <c r="AG37" s="851"/>
      <c r="AH37" s="851"/>
      <c r="AI37" s="851"/>
      <c r="AJ37" s="852"/>
      <c r="AK37" s="901"/>
      <c r="AL37" s="897"/>
      <c r="AM37" s="897"/>
      <c r="AN37" s="897"/>
      <c r="AO37" s="897"/>
      <c r="AP37" s="897"/>
      <c r="AQ37" s="897"/>
      <c r="AR37" s="897"/>
      <c r="AS37" s="897"/>
      <c r="AT37" s="897"/>
      <c r="AU37" s="897"/>
      <c r="AV37" s="897"/>
      <c r="AW37" s="897"/>
      <c r="AX37" s="897"/>
      <c r="AY37" s="897"/>
      <c r="AZ37" s="898"/>
      <c r="BA37" s="898"/>
      <c r="BB37" s="898"/>
      <c r="BC37" s="898"/>
      <c r="BD37" s="898"/>
      <c r="BE37" s="899"/>
      <c r="BF37" s="899"/>
      <c r="BG37" s="899"/>
      <c r="BH37" s="899"/>
      <c r="BI37" s="900"/>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3"/>
      <c r="AG38" s="851"/>
      <c r="AH38" s="851"/>
      <c r="AI38" s="851"/>
      <c r="AJ38" s="852"/>
      <c r="AK38" s="901"/>
      <c r="AL38" s="897"/>
      <c r="AM38" s="897"/>
      <c r="AN38" s="897"/>
      <c r="AO38" s="897"/>
      <c r="AP38" s="897"/>
      <c r="AQ38" s="897"/>
      <c r="AR38" s="897"/>
      <c r="AS38" s="897"/>
      <c r="AT38" s="897"/>
      <c r="AU38" s="897"/>
      <c r="AV38" s="897"/>
      <c r="AW38" s="897"/>
      <c r="AX38" s="897"/>
      <c r="AY38" s="897"/>
      <c r="AZ38" s="898"/>
      <c r="BA38" s="898"/>
      <c r="BB38" s="898"/>
      <c r="BC38" s="898"/>
      <c r="BD38" s="898"/>
      <c r="BE38" s="899"/>
      <c r="BF38" s="899"/>
      <c r="BG38" s="899"/>
      <c r="BH38" s="899"/>
      <c r="BI38" s="900"/>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3"/>
      <c r="AG39" s="851"/>
      <c r="AH39" s="851"/>
      <c r="AI39" s="851"/>
      <c r="AJ39" s="852"/>
      <c r="AK39" s="901"/>
      <c r="AL39" s="897"/>
      <c r="AM39" s="897"/>
      <c r="AN39" s="897"/>
      <c r="AO39" s="897"/>
      <c r="AP39" s="897"/>
      <c r="AQ39" s="897"/>
      <c r="AR39" s="897"/>
      <c r="AS39" s="897"/>
      <c r="AT39" s="897"/>
      <c r="AU39" s="897"/>
      <c r="AV39" s="897"/>
      <c r="AW39" s="897"/>
      <c r="AX39" s="897"/>
      <c r="AY39" s="897"/>
      <c r="AZ39" s="898"/>
      <c r="BA39" s="898"/>
      <c r="BB39" s="898"/>
      <c r="BC39" s="898"/>
      <c r="BD39" s="898"/>
      <c r="BE39" s="899"/>
      <c r="BF39" s="899"/>
      <c r="BG39" s="899"/>
      <c r="BH39" s="899"/>
      <c r="BI39" s="900"/>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3"/>
      <c r="AG40" s="851"/>
      <c r="AH40" s="851"/>
      <c r="AI40" s="851"/>
      <c r="AJ40" s="852"/>
      <c r="AK40" s="901"/>
      <c r="AL40" s="897"/>
      <c r="AM40" s="897"/>
      <c r="AN40" s="897"/>
      <c r="AO40" s="897"/>
      <c r="AP40" s="897"/>
      <c r="AQ40" s="897"/>
      <c r="AR40" s="897"/>
      <c r="AS40" s="897"/>
      <c r="AT40" s="897"/>
      <c r="AU40" s="897"/>
      <c r="AV40" s="897"/>
      <c r="AW40" s="897"/>
      <c r="AX40" s="897"/>
      <c r="AY40" s="897"/>
      <c r="AZ40" s="898"/>
      <c r="BA40" s="898"/>
      <c r="BB40" s="898"/>
      <c r="BC40" s="898"/>
      <c r="BD40" s="898"/>
      <c r="BE40" s="899"/>
      <c r="BF40" s="899"/>
      <c r="BG40" s="899"/>
      <c r="BH40" s="899"/>
      <c r="BI40" s="900"/>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3"/>
      <c r="AG41" s="851"/>
      <c r="AH41" s="851"/>
      <c r="AI41" s="851"/>
      <c r="AJ41" s="852"/>
      <c r="AK41" s="901"/>
      <c r="AL41" s="897"/>
      <c r="AM41" s="897"/>
      <c r="AN41" s="897"/>
      <c r="AO41" s="897"/>
      <c r="AP41" s="897"/>
      <c r="AQ41" s="897"/>
      <c r="AR41" s="897"/>
      <c r="AS41" s="897"/>
      <c r="AT41" s="897"/>
      <c r="AU41" s="897"/>
      <c r="AV41" s="897"/>
      <c r="AW41" s="897"/>
      <c r="AX41" s="897"/>
      <c r="AY41" s="897"/>
      <c r="AZ41" s="898"/>
      <c r="BA41" s="898"/>
      <c r="BB41" s="898"/>
      <c r="BC41" s="898"/>
      <c r="BD41" s="898"/>
      <c r="BE41" s="899"/>
      <c r="BF41" s="899"/>
      <c r="BG41" s="899"/>
      <c r="BH41" s="899"/>
      <c r="BI41" s="900"/>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3"/>
      <c r="AG42" s="851"/>
      <c r="AH42" s="851"/>
      <c r="AI42" s="851"/>
      <c r="AJ42" s="852"/>
      <c r="AK42" s="901"/>
      <c r="AL42" s="897"/>
      <c r="AM42" s="897"/>
      <c r="AN42" s="897"/>
      <c r="AO42" s="897"/>
      <c r="AP42" s="897"/>
      <c r="AQ42" s="897"/>
      <c r="AR42" s="897"/>
      <c r="AS42" s="897"/>
      <c r="AT42" s="897"/>
      <c r="AU42" s="897"/>
      <c r="AV42" s="897"/>
      <c r="AW42" s="897"/>
      <c r="AX42" s="897"/>
      <c r="AY42" s="897"/>
      <c r="AZ42" s="898"/>
      <c r="BA42" s="898"/>
      <c r="BB42" s="898"/>
      <c r="BC42" s="898"/>
      <c r="BD42" s="898"/>
      <c r="BE42" s="899"/>
      <c r="BF42" s="899"/>
      <c r="BG42" s="899"/>
      <c r="BH42" s="899"/>
      <c r="BI42" s="900"/>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3"/>
      <c r="AG43" s="851"/>
      <c r="AH43" s="851"/>
      <c r="AI43" s="851"/>
      <c r="AJ43" s="852"/>
      <c r="AK43" s="901"/>
      <c r="AL43" s="897"/>
      <c r="AM43" s="897"/>
      <c r="AN43" s="897"/>
      <c r="AO43" s="897"/>
      <c r="AP43" s="897"/>
      <c r="AQ43" s="897"/>
      <c r="AR43" s="897"/>
      <c r="AS43" s="897"/>
      <c r="AT43" s="897"/>
      <c r="AU43" s="897"/>
      <c r="AV43" s="897"/>
      <c r="AW43" s="897"/>
      <c r="AX43" s="897"/>
      <c r="AY43" s="897"/>
      <c r="AZ43" s="898"/>
      <c r="BA43" s="898"/>
      <c r="BB43" s="898"/>
      <c r="BC43" s="898"/>
      <c r="BD43" s="898"/>
      <c r="BE43" s="899"/>
      <c r="BF43" s="899"/>
      <c r="BG43" s="899"/>
      <c r="BH43" s="899"/>
      <c r="BI43" s="900"/>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3"/>
      <c r="AG44" s="851"/>
      <c r="AH44" s="851"/>
      <c r="AI44" s="851"/>
      <c r="AJ44" s="852"/>
      <c r="AK44" s="901"/>
      <c r="AL44" s="897"/>
      <c r="AM44" s="897"/>
      <c r="AN44" s="897"/>
      <c r="AO44" s="897"/>
      <c r="AP44" s="897"/>
      <c r="AQ44" s="897"/>
      <c r="AR44" s="897"/>
      <c r="AS44" s="897"/>
      <c r="AT44" s="897"/>
      <c r="AU44" s="897"/>
      <c r="AV44" s="897"/>
      <c r="AW44" s="897"/>
      <c r="AX44" s="897"/>
      <c r="AY44" s="897"/>
      <c r="AZ44" s="898"/>
      <c r="BA44" s="898"/>
      <c r="BB44" s="898"/>
      <c r="BC44" s="898"/>
      <c r="BD44" s="898"/>
      <c r="BE44" s="899"/>
      <c r="BF44" s="899"/>
      <c r="BG44" s="899"/>
      <c r="BH44" s="899"/>
      <c r="BI44" s="900"/>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3"/>
      <c r="AG45" s="851"/>
      <c r="AH45" s="851"/>
      <c r="AI45" s="851"/>
      <c r="AJ45" s="852"/>
      <c r="AK45" s="901"/>
      <c r="AL45" s="897"/>
      <c r="AM45" s="897"/>
      <c r="AN45" s="897"/>
      <c r="AO45" s="897"/>
      <c r="AP45" s="897"/>
      <c r="AQ45" s="897"/>
      <c r="AR45" s="897"/>
      <c r="AS45" s="897"/>
      <c r="AT45" s="897"/>
      <c r="AU45" s="897"/>
      <c r="AV45" s="897"/>
      <c r="AW45" s="897"/>
      <c r="AX45" s="897"/>
      <c r="AY45" s="897"/>
      <c r="AZ45" s="898"/>
      <c r="BA45" s="898"/>
      <c r="BB45" s="898"/>
      <c r="BC45" s="898"/>
      <c r="BD45" s="898"/>
      <c r="BE45" s="899"/>
      <c r="BF45" s="899"/>
      <c r="BG45" s="899"/>
      <c r="BH45" s="899"/>
      <c r="BI45" s="900"/>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3"/>
      <c r="AG46" s="851"/>
      <c r="AH46" s="851"/>
      <c r="AI46" s="851"/>
      <c r="AJ46" s="852"/>
      <c r="AK46" s="901"/>
      <c r="AL46" s="897"/>
      <c r="AM46" s="897"/>
      <c r="AN46" s="897"/>
      <c r="AO46" s="897"/>
      <c r="AP46" s="897"/>
      <c r="AQ46" s="897"/>
      <c r="AR46" s="897"/>
      <c r="AS46" s="897"/>
      <c r="AT46" s="897"/>
      <c r="AU46" s="897"/>
      <c r="AV46" s="897"/>
      <c r="AW46" s="897"/>
      <c r="AX46" s="897"/>
      <c r="AY46" s="897"/>
      <c r="AZ46" s="898"/>
      <c r="BA46" s="898"/>
      <c r="BB46" s="898"/>
      <c r="BC46" s="898"/>
      <c r="BD46" s="898"/>
      <c r="BE46" s="899"/>
      <c r="BF46" s="899"/>
      <c r="BG46" s="899"/>
      <c r="BH46" s="899"/>
      <c r="BI46" s="900"/>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3"/>
      <c r="AG47" s="851"/>
      <c r="AH47" s="851"/>
      <c r="AI47" s="851"/>
      <c r="AJ47" s="852"/>
      <c r="AK47" s="901"/>
      <c r="AL47" s="897"/>
      <c r="AM47" s="897"/>
      <c r="AN47" s="897"/>
      <c r="AO47" s="897"/>
      <c r="AP47" s="897"/>
      <c r="AQ47" s="897"/>
      <c r="AR47" s="897"/>
      <c r="AS47" s="897"/>
      <c r="AT47" s="897"/>
      <c r="AU47" s="897"/>
      <c r="AV47" s="897"/>
      <c r="AW47" s="897"/>
      <c r="AX47" s="897"/>
      <c r="AY47" s="897"/>
      <c r="AZ47" s="898"/>
      <c r="BA47" s="898"/>
      <c r="BB47" s="898"/>
      <c r="BC47" s="898"/>
      <c r="BD47" s="898"/>
      <c r="BE47" s="899"/>
      <c r="BF47" s="899"/>
      <c r="BG47" s="899"/>
      <c r="BH47" s="899"/>
      <c r="BI47" s="900"/>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3"/>
      <c r="AG48" s="851"/>
      <c r="AH48" s="851"/>
      <c r="AI48" s="851"/>
      <c r="AJ48" s="852"/>
      <c r="AK48" s="901"/>
      <c r="AL48" s="897"/>
      <c r="AM48" s="897"/>
      <c r="AN48" s="897"/>
      <c r="AO48" s="897"/>
      <c r="AP48" s="897"/>
      <c r="AQ48" s="897"/>
      <c r="AR48" s="897"/>
      <c r="AS48" s="897"/>
      <c r="AT48" s="897"/>
      <c r="AU48" s="897"/>
      <c r="AV48" s="897"/>
      <c r="AW48" s="897"/>
      <c r="AX48" s="897"/>
      <c r="AY48" s="897"/>
      <c r="AZ48" s="898"/>
      <c r="BA48" s="898"/>
      <c r="BB48" s="898"/>
      <c r="BC48" s="898"/>
      <c r="BD48" s="898"/>
      <c r="BE48" s="899"/>
      <c r="BF48" s="899"/>
      <c r="BG48" s="899"/>
      <c r="BH48" s="899"/>
      <c r="BI48" s="900"/>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3"/>
      <c r="AG49" s="851"/>
      <c r="AH49" s="851"/>
      <c r="AI49" s="851"/>
      <c r="AJ49" s="852"/>
      <c r="AK49" s="901"/>
      <c r="AL49" s="897"/>
      <c r="AM49" s="897"/>
      <c r="AN49" s="897"/>
      <c r="AO49" s="897"/>
      <c r="AP49" s="897"/>
      <c r="AQ49" s="897"/>
      <c r="AR49" s="897"/>
      <c r="AS49" s="897"/>
      <c r="AT49" s="897"/>
      <c r="AU49" s="897"/>
      <c r="AV49" s="897"/>
      <c r="AW49" s="897"/>
      <c r="AX49" s="897"/>
      <c r="AY49" s="897"/>
      <c r="AZ49" s="898"/>
      <c r="BA49" s="898"/>
      <c r="BB49" s="898"/>
      <c r="BC49" s="898"/>
      <c r="BD49" s="898"/>
      <c r="BE49" s="899"/>
      <c r="BF49" s="899"/>
      <c r="BG49" s="899"/>
      <c r="BH49" s="899"/>
      <c r="BI49" s="900"/>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2"/>
      <c r="R50" s="903"/>
      <c r="S50" s="903"/>
      <c r="T50" s="903"/>
      <c r="U50" s="903"/>
      <c r="V50" s="903"/>
      <c r="W50" s="903"/>
      <c r="X50" s="903"/>
      <c r="Y50" s="903"/>
      <c r="Z50" s="903"/>
      <c r="AA50" s="903"/>
      <c r="AB50" s="903"/>
      <c r="AC50" s="903"/>
      <c r="AD50" s="903"/>
      <c r="AE50" s="904"/>
      <c r="AF50" s="853"/>
      <c r="AG50" s="851"/>
      <c r="AH50" s="851"/>
      <c r="AI50" s="851"/>
      <c r="AJ50" s="852"/>
      <c r="AK50" s="906"/>
      <c r="AL50" s="903"/>
      <c r="AM50" s="903"/>
      <c r="AN50" s="903"/>
      <c r="AO50" s="903"/>
      <c r="AP50" s="903"/>
      <c r="AQ50" s="903"/>
      <c r="AR50" s="903"/>
      <c r="AS50" s="903"/>
      <c r="AT50" s="903"/>
      <c r="AU50" s="903"/>
      <c r="AV50" s="903"/>
      <c r="AW50" s="903"/>
      <c r="AX50" s="903"/>
      <c r="AY50" s="903"/>
      <c r="AZ50" s="905"/>
      <c r="BA50" s="905"/>
      <c r="BB50" s="905"/>
      <c r="BC50" s="905"/>
      <c r="BD50" s="905"/>
      <c r="BE50" s="899"/>
      <c r="BF50" s="899"/>
      <c r="BG50" s="899"/>
      <c r="BH50" s="899"/>
      <c r="BI50" s="900"/>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2"/>
      <c r="R51" s="903"/>
      <c r="S51" s="903"/>
      <c r="T51" s="903"/>
      <c r="U51" s="903"/>
      <c r="V51" s="903"/>
      <c r="W51" s="903"/>
      <c r="X51" s="903"/>
      <c r="Y51" s="903"/>
      <c r="Z51" s="903"/>
      <c r="AA51" s="903"/>
      <c r="AB51" s="903"/>
      <c r="AC51" s="903"/>
      <c r="AD51" s="903"/>
      <c r="AE51" s="904"/>
      <c r="AF51" s="853"/>
      <c r="AG51" s="851"/>
      <c r="AH51" s="851"/>
      <c r="AI51" s="851"/>
      <c r="AJ51" s="852"/>
      <c r="AK51" s="906"/>
      <c r="AL51" s="903"/>
      <c r="AM51" s="903"/>
      <c r="AN51" s="903"/>
      <c r="AO51" s="903"/>
      <c r="AP51" s="903"/>
      <c r="AQ51" s="903"/>
      <c r="AR51" s="903"/>
      <c r="AS51" s="903"/>
      <c r="AT51" s="903"/>
      <c r="AU51" s="903"/>
      <c r="AV51" s="903"/>
      <c r="AW51" s="903"/>
      <c r="AX51" s="903"/>
      <c r="AY51" s="903"/>
      <c r="AZ51" s="905"/>
      <c r="BA51" s="905"/>
      <c r="BB51" s="905"/>
      <c r="BC51" s="905"/>
      <c r="BD51" s="905"/>
      <c r="BE51" s="899"/>
      <c r="BF51" s="899"/>
      <c r="BG51" s="899"/>
      <c r="BH51" s="899"/>
      <c r="BI51" s="900"/>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2"/>
      <c r="R52" s="903"/>
      <c r="S52" s="903"/>
      <c r="T52" s="903"/>
      <c r="U52" s="903"/>
      <c r="V52" s="903"/>
      <c r="W52" s="903"/>
      <c r="X52" s="903"/>
      <c r="Y52" s="903"/>
      <c r="Z52" s="903"/>
      <c r="AA52" s="903"/>
      <c r="AB52" s="903"/>
      <c r="AC52" s="903"/>
      <c r="AD52" s="903"/>
      <c r="AE52" s="904"/>
      <c r="AF52" s="853"/>
      <c r="AG52" s="851"/>
      <c r="AH52" s="851"/>
      <c r="AI52" s="851"/>
      <c r="AJ52" s="852"/>
      <c r="AK52" s="906"/>
      <c r="AL52" s="903"/>
      <c r="AM52" s="903"/>
      <c r="AN52" s="903"/>
      <c r="AO52" s="903"/>
      <c r="AP52" s="903"/>
      <c r="AQ52" s="903"/>
      <c r="AR52" s="903"/>
      <c r="AS52" s="903"/>
      <c r="AT52" s="903"/>
      <c r="AU52" s="903"/>
      <c r="AV52" s="903"/>
      <c r="AW52" s="903"/>
      <c r="AX52" s="903"/>
      <c r="AY52" s="903"/>
      <c r="AZ52" s="905"/>
      <c r="BA52" s="905"/>
      <c r="BB52" s="905"/>
      <c r="BC52" s="905"/>
      <c r="BD52" s="905"/>
      <c r="BE52" s="899"/>
      <c r="BF52" s="899"/>
      <c r="BG52" s="899"/>
      <c r="BH52" s="899"/>
      <c r="BI52" s="900"/>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2"/>
      <c r="R53" s="903"/>
      <c r="S53" s="903"/>
      <c r="T53" s="903"/>
      <c r="U53" s="903"/>
      <c r="V53" s="903"/>
      <c r="W53" s="903"/>
      <c r="X53" s="903"/>
      <c r="Y53" s="903"/>
      <c r="Z53" s="903"/>
      <c r="AA53" s="903"/>
      <c r="AB53" s="903"/>
      <c r="AC53" s="903"/>
      <c r="AD53" s="903"/>
      <c r="AE53" s="904"/>
      <c r="AF53" s="853"/>
      <c r="AG53" s="851"/>
      <c r="AH53" s="851"/>
      <c r="AI53" s="851"/>
      <c r="AJ53" s="852"/>
      <c r="AK53" s="906"/>
      <c r="AL53" s="903"/>
      <c r="AM53" s="903"/>
      <c r="AN53" s="903"/>
      <c r="AO53" s="903"/>
      <c r="AP53" s="903"/>
      <c r="AQ53" s="903"/>
      <c r="AR53" s="903"/>
      <c r="AS53" s="903"/>
      <c r="AT53" s="903"/>
      <c r="AU53" s="903"/>
      <c r="AV53" s="903"/>
      <c r="AW53" s="903"/>
      <c r="AX53" s="903"/>
      <c r="AY53" s="903"/>
      <c r="AZ53" s="905"/>
      <c r="BA53" s="905"/>
      <c r="BB53" s="905"/>
      <c r="BC53" s="905"/>
      <c r="BD53" s="905"/>
      <c r="BE53" s="899"/>
      <c r="BF53" s="899"/>
      <c r="BG53" s="899"/>
      <c r="BH53" s="899"/>
      <c r="BI53" s="900"/>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2"/>
      <c r="R54" s="903"/>
      <c r="S54" s="903"/>
      <c r="T54" s="903"/>
      <c r="U54" s="903"/>
      <c r="V54" s="903"/>
      <c r="W54" s="903"/>
      <c r="X54" s="903"/>
      <c r="Y54" s="903"/>
      <c r="Z54" s="903"/>
      <c r="AA54" s="903"/>
      <c r="AB54" s="903"/>
      <c r="AC54" s="903"/>
      <c r="AD54" s="903"/>
      <c r="AE54" s="904"/>
      <c r="AF54" s="853"/>
      <c r="AG54" s="851"/>
      <c r="AH54" s="851"/>
      <c r="AI54" s="851"/>
      <c r="AJ54" s="852"/>
      <c r="AK54" s="906"/>
      <c r="AL54" s="903"/>
      <c r="AM54" s="903"/>
      <c r="AN54" s="903"/>
      <c r="AO54" s="903"/>
      <c r="AP54" s="903"/>
      <c r="AQ54" s="903"/>
      <c r="AR54" s="903"/>
      <c r="AS54" s="903"/>
      <c r="AT54" s="903"/>
      <c r="AU54" s="903"/>
      <c r="AV54" s="903"/>
      <c r="AW54" s="903"/>
      <c r="AX54" s="903"/>
      <c r="AY54" s="903"/>
      <c r="AZ54" s="905"/>
      <c r="BA54" s="905"/>
      <c r="BB54" s="905"/>
      <c r="BC54" s="905"/>
      <c r="BD54" s="905"/>
      <c r="BE54" s="899"/>
      <c r="BF54" s="899"/>
      <c r="BG54" s="899"/>
      <c r="BH54" s="899"/>
      <c r="BI54" s="900"/>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2"/>
      <c r="R55" s="903"/>
      <c r="S55" s="903"/>
      <c r="T55" s="903"/>
      <c r="U55" s="903"/>
      <c r="V55" s="903"/>
      <c r="W55" s="903"/>
      <c r="X55" s="903"/>
      <c r="Y55" s="903"/>
      <c r="Z55" s="903"/>
      <c r="AA55" s="903"/>
      <c r="AB55" s="903"/>
      <c r="AC55" s="903"/>
      <c r="AD55" s="903"/>
      <c r="AE55" s="904"/>
      <c r="AF55" s="853"/>
      <c r="AG55" s="851"/>
      <c r="AH55" s="851"/>
      <c r="AI55" s="851"/>
      <c r="AJ55" s="852"/>
      <c r="AK55" s="906"/>
      <c r="AL55" s="903"/>
      <c r="AM55" s="903"/>
      <c r="AN55" s="903"/>
      <c r="AO55" s="903"/>
      <c r="AP55" s="903"/>
      <c r="AQ55" s="903"/>
      <c r="AR55" s="903"/>
      <c r="AS55" s="903"/>
      <c r="AT55" s="903"/>
      <c r="AU55" s="903"/>
      <c r="AV55" s="903"/>
      <c r="AW55" s="903"/>
      <c r="AX55" s="903"/>
      <c r="AY55" s="903"/>
      <c r="AZ55" s="905"/>
      <c r="BA55" s="905"/>
      <c r="BB55" s="905"/>
      <c r="BC55" s="905"/>
      <c r="BD55" s="905"/>
      <c r="BE55" s="899"/>
      <c r="BF55" s="899"/>
      <c r="BG55" s="899"/>
      <c r="BH55" s="899"/>
      <c r="BI55" s="900"/>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2"/>
      <c r="R56" s="903"/>
      <c r="S56" s="903"/>
      <c r="T56" s="903"/>
      <c r="U56" s="903"/>
      <c r="V56" s="903"/>
      <c r="W56" s="903"/>
      <c r="X56" s="903"/>
      <c r="Y56" s="903"/>
      <c r="Z56" s="903"/>
      <c r="AA56" s="903"/>
      <c r="AB56" s="903"/>
      <c r="AC56" s="903"/>
      <c r="AD56" s="903"/>
      <c r="AE56" s="904"/>
      <c r="AF56" s="853"/>
      <c r="AG56" s="851"/>
      <c r="AH56" s="851"/>
      <c r="AI56" s="851"/>
      <c r="AJ56" s="852"/>
      <c r="AK56" s="906"/>
      <c r="AL56" s="903"/>
      <c r="AM56" s="903"/>
      <c r="AN56" s="903"/>
      <c r="AO56" s="903"/>
      <c r="AP56" s="903"/>
      <c r="AQ56" s="903"/>
      <c r="AR56" s="903"/>
      <c r="AS56" s="903"/>
      <c r="AT56" s="903"/>
      <c r="AU56" s="903"/>
      <c r="AV56" s="903"/>
      <c r="AW56" s="903"/>
      <c r="AX56" s="903"/>
      <c r="AY56" s="903"/>
      <c r="AZ56" s="905"/>
      <c r="BA56" s="905"/>
      <c r="BB56" s="905"/>
      <c r="BC56" s="905"/>
      <c r="BD56" s="905"/>
      <c r="BE56" s="899"/>
      <c r="BF56" s="899"/>
      <c r="BG56" s="899"/>
      <c r="BH56" s="899"/>
      <c r="BI56" s="900"/>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2"/>
      <c r="R57" s="903"/>
      <c r="S57" s="903"/>
      <c r="T57" s="903"/>
      <c r="U57" s="903"/>
      <c r="V57" s="903"/>
      <c r="W57" s="903"/>
      <c r="X57" s="903"/>
      <c r="Y57" s="903"/>
      <c r="Z57" s="903"/>
      <c r="AA57" s="903"/>
      <c r="AB57" s="903"/>
      <c r="AC57" s="903"/>
      <c r="AD57" s="903"/>
      <c r="AE57" s="904"/>
      <c r="AF57" s="853"/>
      <c r="AG57" s="851"/>
      <c r="AH57" s="851"/>
      <c r="AI57" s="851"/>
      <c r="AJ57" s="852"/>
      <c r="AK57" s="906"/>
      <c r="AL57" s="903"/>
      <c r="AM57" s="903"/>
      <c r="AN57" s="903"/>
      <c r="AO57" s="903"/>
      <c r="AP57" s="903"/>
      <c r="AQ57" s="903"/>
      <c r="AR57" s="903"/>
      <c r="AS57" s="903"/>
      <c r="AT57" s="903"/>
      <c r="AU57" s="903"/>
      <c r="AV57" s="903"/>
      <c r="AW57" s="903"/>
      <c r="AX57" s="903"/>
      <c r="AY57" s="903"/>
      <c r="AZ57" s="905"/>
      <c r="BA57" s="905"/>
      <c r="BB57" s="905"/>
      <c r="BC57" s="905"/>
      <c r="BD57" s="905"/>
      <c r="BE57" s="899"/>
      <c r="BF57" s="899"/>
      <c r="BG57" s="899"/>
      <c r="BH57" s="899"/>
      <c r="BI57" s="900"/>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2"/>
      <c r="R58" s="903"/>
      <c r="S58" s="903"/>
      <c r="T58" s="903"/>
      <c r="U58" s="903"/>
      <c r="V58" s="903"/>
      <c r="W58" s="903"/>
      <c r="X58" s="903"/>
      <c r="Y58" s="903"/>
      <c r="Z58" s="903"/>
      <c r="AA58" s="903"/>
      <c r="AB58" s="903"/>
      <c r="AC58" s="903"/>
      <c r="AD58" s="903"/>
      <c r="AE58" s="904"/>
      <c r="AF58" s="853"/>
      <c r="AG58" s="851"/>
      <c r="AH58" s="851"/>
      <c r="AI58" s="851"/>
      <c r="AJ58" s="852"/>
      <c r="AK58" s="906"/>
      <c r="AL58" s="903"/>
      <c r="AM58" s="903"/>
      <c r="AN58" s="903"/>
      <c r="AO58" s="903"/>
      <c r="AP58" s="903"/>
      <c r="AQ58" s="903"/>
      <c r="AR58" s="903"/>
      <c r="AS58" s="903"/>
      <c r="AT58" s="903"/>
      <c r="AU58" s="903"/>
      <c r="AV58" s="903"/>
      <c r="AW58" s="903"/>
      <c r="AX58" s="903"/>
      <c r="AY58" s="903"/>
      <c r="AZ58" s="905"/>
      <c r="BA58" s="905"/>
      <c r="BB58" s="905"/>
      <c r="BC58" s="905"/>
      <c r="BD58" s="905"/>
      <c r="BE58" s="899"/>
      <c r="BF58" s="899"/>
      <c r="BG58" s="899"/>
      <c r="BH58" s="899"/>
      <c r="BI58" s="900"/>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2"/>
      <c r="R59" s="903"/>
      <c r="S59" s="903"/>
      <c r="T59" s="903"/>
      <c r="U59" s="903"/>
      <c r="V59" s="903"/>
      <c r="W59" s="903"/>
      <c r="X59" s="903"/>
      <c r="Y59" s="903"/>
      <c r="Z59" s="903"/>
      <c r="AA59" s="903"/>
      <c r="AB59" s="903"/>
      <c r="AC59" s="903"/>
      <c r="AD59" s="903"/>
      <c r="AE59" s="904"/>
      <c r="AF59" s="853"/>
      <c r="AG59" s="851"/>
      <c r="AH59" s="851"/>
      <c r="AI59" s="851"/>
      <c r="AJ59" s="852"/>
      <c r="AK59" s="906"/>
      <c r="AL59" s="903"/>
      <c r="AM59" s="903"/>
      <c r="AN59" s="903"/>
      <c r="AO59" s="903"/>
      <c r="AP59" s="903"/>
      <c r="AQ59" s="903"/>
      <c r="AR59" s="903"/>
      <c r="AS59" s="903"/>
      <c r="AT59" s="903"/>
      <c r="AU59" s="903"/>
      <c r="AV59" s="903"/>
      <c r="AW59" s="903"/>
      <c r="AX59" s="903"/>
      <c r="AY59" s="903"/>
      <c r="AZ59" s="905"/>
      <c r="BA59" s="905"/>
      <c r="BB59" s="905"/>
      <c r="BC59" s="905"/>
      <c r="BD59" s="905"/>
      <c r="BE59" s="899"/>
      <c r="BF59" s="899"/>
      <c r="BG59" s="899"/>
      <c r="BH59" s="899"/>
      <c r="BI59" s="900"/>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2"/>
      <c r="R60" s="903"/>
      <c r="S60" s="903"/>
      <c r="T60" s="903"/>
      <c r="U60" s="903"/>
      <c r="V60" s="903"/>
      <c r="W60" s="903"/>
      <c r="X60" s="903"/>
      <c r="Y60" s="903"/>
      <c r="Z60" s="903"/>
      <c r="AA60" s="903"/>
      <c r="AB60" s="903"/>
      <c r="AC60" s="903"/>
      <c r="AD60" s="903"/>
      <c r="AE60" s="904"/>
      <c r="AF60" s="853"/>
      <c r="AG60" s="851"/>
      <c r="AH60" s="851"/>
      <c r="AI60" s="851"/>
      <c r="AJ60" s="852"/>
      <c r="AK60" s="906"/>
      <c r="AL60" s="903"/>
      <c r="AM60" s="903"/>
      <c r="AN60" s="903"/>
      <c r="AO60" s="903"/>
      <c r="AP60" s="903"/>
      <c r="AQ60" s="903"/>
      <c r="AR60" s="903"/>
      <c r="AS60" s="903"/>
      <c r="AT60" s="903"/>
      <c r="AU60" s="903"/>
      <c r="AV60" s="903"/>
      <c r="AW60" s="903"/>
      <c r="AX60" s="903"/>
      <c r="AY60" s="903"/>
      <c r="AZ60" s="905"/>
      <c r="BA60" s="905"/>
      <c r="BB60" s="905"/>
      <c r="BC60" s="905"/>
      <c r="BD60" s="905"/>
      <c r="BE60" s="899"/>
      <c r="BF60" s="899"/>
      <c r="BG60" s="899"/>
      <c r="BH60" s="899"/>
      <c r="BI60" s="900"/>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2"/>
      <c r="R61" s="903"/>
      <c r="S61" s="903"/>
      <c r="T61" s="903"/>
      <c r="U61" s="903"/>
      <c r="V61" s="903"/>
      <c r="W61" s="903"/>
      <c r="X61" s="903"/>
      <c r="Y61" s="903"/>
      <c r="Z61" s="903"/>
      <c r="AA61" s="903"/>
      <c r="AB61" s="903"/>
      <c r="AC61" s="903"/>
      <c r="AD61" s="903"/>
      <c r="AE61" s="904"/>
      <c r="AF61" s="853"/>
      <c r="AG61" s="851"/>
      <c r="AH61" s="851"/>
      <c r="AI61" s="851"/>
      <c r="AJ61" s="852"/>
      <c r="AK61" s="906"/>
      <c r="AL61" s="903"/>
      <c r="AM61" s="903"/>
      <c r="AN61" s="903"/>
      <c r="AO61" s="903"/>
      <c r="AP61" s="903"/>
      <c r="AQ61" s="903"/>
      <c r="AR61" s="903"/>
      <c r="AS61" s="903"/>
      <c r="AT61" s="903"/>
      <c r="AU61" s="903"/>
      <c r="AV61" s="903"/>
      <c r="AW61" s="903"/>
      <c r="AX61" s="903"/>
      <c r="AY61" s="903"/>
      <c r="AZ61" s="905"/>
      <c r="BA61" s="905"/>
      <c r="BB61" s="905"/>
      <c r="BC61" s="905"/>
      <c r="BD61" s="905"/>
      <c r="BE61" s="899"/>
      <c r="BF61" s="899"/>
      <c r="BG61" s="899"/>
      <c r="BH61" s="899"/>
      <c r="BI61" s="900"/>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2"/>
      <c r="R62" s="903"/>
      <c r="S62" s="903"/>
      <c r="T62" s="903"/>
      <c r="U62" s="903"/>
      <c r="V62" s="903"/>
      <c r="W62" s="903"/>
      <c r="X62" s="903"/>
      <c r="Y62" s="903"/>
      <c r="Z62" s="903"/>
      <c r="AA62" s="903"/>
      <c r="AB62" s="903"/>
      <c r="AC62" s="903"/>
      <c r="AD62" s="903"/>
      <c r="AE62" s="904"/>
      <c r="AF62" s="853"/>
      <c r="AG62" s="851"/>
      <c r="AH62" s="851"/>
      <c r="AI62" s="851"/>
      <c r="AJ62" s="852"/>
      <c r="AK62" s="906"/>
      <c r="AL62" s="903"/>
      <c r="AM62" s="903"/>
      <c r="AN62" s="903"/>
      <c r="AO62" s="903"/>
      <c r="AP62" s="903"/>
      <c r="AQ62" s="903"/>
      <c r="AR62" s="903"/>
      <c r="AS62" s="903"/>
      <c r="AT62" s="903"/>
      <c r="AU62" s="903"/>
      <c r="AV62" s="903"/>
      <c r="AW62" s="903"/>
      <c r="AX62" s="903"/>
      <c r="AY62" s="903"/>
      <c r="AZ62" s="905"/>
      <c r="BA62" s="905"/>
      <c r="BB62" s="905"/>
      <c r="BC62" s="905"/>
      <c r="BD62" s="905"/>
      <c r="BE62" s="899"/>
      <c r="BF62" s="899"/>
      <c r="BG62" s="899"/>
      <c r="BH62" s="899"/>
      <c r="BI62" s="900"/>
      <c r="BJ62" s="914" t="s">
        <v>412</v>
      </c>
      <c r="BK62" s="875"/>
      <c r="BL62" s="875"/>
      <c r="BM62" s="875"/>
      <c r="BN62" s="876"/>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4</v>
      </c>
      <c r="B63" s="854" t="s">
        <v>413</v>
      </c>
      <c r="C63" s="855"/>
      <c r="D63" s="855"/>
      <c r="E63" s="855"/>
      <c r="F63" s="855"/>
      <c r="G63" s="855"/>
      <c r="H63" s="855"/>
      <c r="I63" s="855"/>
      <c r="J63" s="855"/>
      <c r="K63" s="855"/>
      <c r="L63" s="855"/>
      <c r="M63" s="855"/>
      <c r="N63" s="855"/>
      <c r="O63" s="855"/>
      <c r="P63" s="856"/>
      <c r="Q63" s="907"/>
      <c r="R63" s="908"/>
      <c r="S63" s="908"/>
      <c r="T63" s="908"/>
      <c r="U63" s="908"/>
      <c r="V63" s="908"/>
      <c r="W63" s="908"/>
      <c r="X63" s="908"/>
      <c r="Y63" s="908"/>
      <c r="Z63" s="908"/>
      <c r="AA63" s="908"/>
      <c r="AB63" s="908"/>
      <c r="AC63" s="908"/>
      <c r="AD63" s="908"/>
      <c r="AE63" s="909"/>
      <c r="AF63" s="910">
        <v>1274</v>
      </c>
      <c r="AG63" s="911"/>
      <c r="AH63" s="911"/>
      <c r="AI63" s="911"/>
      <c r="AJ63" s="912"/>
      <c r="AK63" s="913"/>
      <c r="AL63" s="908"/>
      <c r="AM63" s="908"/>
      <c r="AN63" s="908"/>
      <c r="AO63" s="908"/>
      <c r="AP63" s="911">
        <v>32224</v>
      </c>
      <c r="AQ63" s="911"/>
      <c r="AR63" s="911"/>
      <c r="AS63" s="911"/>
      <c r="AT63" s="911"/>
      <c r="AU63" s="911">
        <v>21397</v>
      </c>
      <c r="AV63" s="911"/>
      <c r="AW63" s="911"/>
      <c r="AX63" s="911"/>
      <c r="AY63" s="911"/>
      <c r="AZ63" s="915"/>
      <c r="BA63" s="915"/>
      <c r="BB63" s="915"/>
      <c r="BC63" s="915"/>
      <c r="BD63" s="915"/>
      <c r="BE63" s="916"/>
      <c r="BF63" s="916"/>
      <c r="BG63" s="916"/>
      <c r="BH63" s="916"/>
      <c r="BI63" s="917"/>
      <c r="BJ63" s="918" t="s">
        <v>414</v>
      </c>
      <c r="BK63" s="919"/>
      <c r="BL63" s="919"/>
      <c r="BM63" s="919"/>
      <c r="BN63" s="920"/>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5</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6</v>
      </c>
      <c r="B66" s="793"/>
      <c r="C66" s="793"/>
      <c r="D66" s="793"/>
      <c r="E66" s="793"/>
      <c r="F66" s="793"/>
      <c r="G66" s="793"/>
      <c r="H66" s="793"/>
      <c r="I66" s="793"/>
      <c r="J66" s="793"/>
      <c r="K66" s="793"/>
      <c r="L66" s="793"/>
      <c r="M66" s="793"/>
      <c r="N66" s="793"/>
      <c r="O66" s="793"/>
      <c r="P66" s="794"/>
      <c r="Q66" s="798" t="s">
        <v>417</v>
      </c>
      <c r="R66" s="799"/>
      <c r="S66" s="799"/>
      <c r="T66" s="799"/>
      <c r="U66" s="800"/>
      <c r="V66" s="798" t="s">
        <v>418</v>
      </c>
      <c r="W66" s="799"/>
      <c r="X66" s="799"/>
      <c r="Y66" s="799"/>
      <c r="Z66" s="800"/>
      <c r="AA66" s="798" t="s">
        <v>419</v>
      </c>
      <c r="AB66" s="799"/>
      <c r="AC66" s="799"/>
      <c r="AD66" s="799"/>
      <c r="AE66" s="800"/>
      <c r="AF66" s="921" t="s">
        <v>420</v>
      </c>
      <c r="AG66" s="882"/>
      <c r="AH66" s="882"/>
      <c r="AI66" s="882"/>
      <c r="AJ66" s="922"/>
      <c r="AK66" s="798" t="s">
        <v>421</v>
      </c>
      <c r="AL66" s="793"/>
      <c r="AM66" s="793"/>
      <c r="AN66" s="793"/>
      <c r="AO66" s="794"/>
      <c r="AP66" s="798" t="s">
        <v>422</v>
      </c>
      <c r="AQ66" s="799"/>
      <c r="AR66" s="799"/>
      <c r="AS66" s="799"/>
      <c r="AT66" s="800"/>
      <c r="AU66" s="798" t="s">
        <v>423</v>
      </c>
      <c r="AV66" s="799"/>
      <c r="AW66" s="799"/>
      <c r="AX66" s="799"/>
      <c r="AY66" s="800"/>
      <c r="AZ66" s="798" t="s">
        <v>380</v>
      </c>
      <c r="BA66" s="799"/>
      <c r="BB66" s="799"/>
      <c r="BC66" s="799"/>
      <c r="BD66" s="805"/>
      <c r="BE66" s="237"/>
      <c r="BF66" s="237"/>
      <c r="BG66" s="237"/>
      <c r="BH66" s="237"/>
      <c r="BI66" s="237"/>
      <c r="BJ66" s="237"/>
      <c r="BK66" s="237"/>
      <c r="BL66" s="237"/>
      <c r="BM66" s="237"/>
      <c r="BN66" s="237"/>
      <c r="BO66" s="237"/>
      <c r="BP66" s="237"/>
      <c r="BQ66" s="234">
        <v>60</v>
      </c>
      <c r="BR66" s="239"/>
      <c r="BS66" s="926"/>
      <c r="BT66" s="927"/>
      <c r="BU66" s="927"/>
      <c r="BV66" s="927"/>
      <c r="BW66" s="927"/>
      <c r="BX66" s="927"/>
      <c r="BY66" s="927"/>
      <c r="BZ66" s="927"/>
      <c r="CA66" s="927"/>
      <c r="CB66" s="927"/>
      <c r="CC66" s="927"/>
      <c r="CD66" s="927"/>
      <c r="CE66" s="927"/>
      <c r="CF66" s="927"/>
      <c r="CG66" s="932"/>
      <c r="CH66" s="929"/>
      <c r="CI66" s="930"/>
      <c r="CJ66" s="930"/>
      <c r="CK66" s="930"/>
      <c r="CL66" s="931"/>
      <c r="CM66" s="929"/>
      <c r="CN66" s="930"/>
      <c r="CO66" s="930"/>
      <c r="CP66" s="930"/>
      <c r="CQ66" s="931"/>
      <c r="CR66" s="929"/>
      <c r="CS66" s="930"/>
      <c r="CT66" s="930"/>
      <c r="CU66" s="930"/>
      <c r="CV66" s="931"/>
      <c r="CW66" s="929"/>
      <c r="CX66" s="930"/>
      <c r="CY66" s="930"/>
      <c r="CZ66" s="930"/>
      <c r="DA66" s="931"/>
      <c r="DB66" s="929"/>
      <c r="DC66" s="930"/>
      <c r="DD66" s="930"/>
      <c r="DE66" s="930"/>
      <c r="DF66" s="931"/>
      <c r="DG66" s="929"/>
      <c r="DH66" s="930"/>
      <c r="DI66" s="930"/>
      <c r="DJ66" s="930"/>
      <c r="DK66" s="931"/>
      <c r="DL66" s="929"/>
      <c r="DM66" s="930"/>
      <c r="DN66" s="930"/>
      <c r="DO66" s="930"/>
      <c r="DP66" s="931"/>
      <c r="DQ66" s="929"/>
      <c r="DR66" s="930"/>
      <c r="DS66" s="930"/>
      <c r="DT66" s="930"/>
      <c r="DU66" s="931"/>
      <c r="DV66" s="926"/>
      <c r="DW66" s="927"/>
      <c r="DX66" s="927"/>
      <c r="DY66" s="927"/>
      <c r="DZ66" s="928"/>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3"/>
      <c r="AG67" s="885"/>
      <c r="AH67" s="885"/>
      <c r="AI67" s="885"/>
      <c r="AJ67" s="924"/>
      <c r="AK67" s="925"/>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6"/>
      <c r="BT67" s="927"/>
      <c r="BU67" s="927"/>
      <c r="BV67" s="927"/>
      <c r="BW67" s="927"/>
      <c r="BX67" s="927"/>
      <c r="BY67" s="927"/>
      <c r="BZ67" s="927"/>
      <c r="CA67" s="927"/>
      <c r="CB67" s="927"/>
      <c r="CC67" s="927"/>
      <c r="CD67" s="927"/>
      <c r="CE67" s="927"/>
      <c r="CF67" s="927"/>
      <c r="CG67" s="932"/>
      <c r="CH67" s="929"/>
      <c r="CI67" s="930"/>
      <c r="CJ67" s="930"/>
      <c r="CK67" s="930"/>
      <c r="CL67" s="931"/>
      <c r="CM67" s="929"/>
      <c r="CN67" s="930"/>
      <c r="CO67" s="930"/>
      <c r="CP67" s="930"/>
      <c r="CQ67" s="931"/>
      <c r="CR67" s="929"/>
      <c r="CS67" s="930"/>
      <c r="CT67" s="930"/>
      <c r="CU67" s="930"/>
      <c r="CV67" s="931"/>
      <c r="CW67" s="929"/>
      <c r="CX67" s="930"/>
      <c r="CY67" s="930"/>
      <c r="CZ67" s="930"/>
      <c r="DA67" s="931"/>
      <c r="DB67" s="929"/>
      <c r="DC67" s="930"/>
      <c r="DD67" s="930"/>
      <c r="DE67" s="930"/>
      <c r="DF67" s="931"/>
      <c r="DG67" s="929"/>
      <c r="DH67" s="930"/>
      <c r="DI67" s="930"/>
      <c r="DJ67" s="930"/>
      <c r="DK67" s="931"/>
      <c r="DL67" s="929"/>
      <c r="DM67" s="930"/>
      <c r="DN67" s="930"/>
      <c r="DO67" s="930"/>
      <c r="DP67" s="931"/>
      <c r="DQ67" s="929"/>
      <c r="DR67" s="930"/>
      <c r="DS67" s="930"/>
      <c r="DT67" s="930"/>
      <c r="DU67" s="931"/>
      <c r="DV67" s="926"/>
      <c r="DW67" s="927"/>
      <c r="DX67" s="927"/>
      <c r="DY67" s="927"/>
      <c r="DZ67" s="928"/>
      <c r="EA67" s="226"/>
    </row>
    <row r="68" spans="1:131" ht="26.25" customHeight="1" thickTop="1" x14ac:dyDescent="0.2">
      <c r="A68" s="232">
        <v>1</v>
      </c>
      <c r="B68" s="936" t="s">
        <v>597</v>
      </c>
      <c r="C68" s="937"/>
      <c r="D68" s="937"/>
      <c r="E68" s="937"/>
      <c r="F68" s="937"/>
      <c r="G68" s="937"/>
      <c r="H68" s="937"/>
      <c r="I68" s="937"/>
      <c r="J68" s="937"/>
      <c r="K68" s="937"/>
      <c r="L68" s="937"/>
      <c r="M68" s="937"/>
      <c r="N68" s="937"/>
      <c r="O68" s="937"/>
      <c r="P68" s="938"/>
      <c r="Q68" s="939">
        <v>4336</v>
      </c>
      <c r="R68" s="933"/>
      <c r="S68" s="933"/>
      <c r="T68" s="933"/>
      <c r="U68" s="933"/>
      <c r="V68" s="933">
        <v>3735</v>
      </c>
      <c r="W68" s="933"/>
      <c r="X68" s="933"/>
      <c r="Y68" s="933"/>
      <c r="Z68" s="933"/>
      <c r="AA68" s="933">
        <v>602</v>
      </c>
      <c r="AB68" s="933"/>
      <c r="AC68" s="933"/>
      <c r="AD68" s="933"/>
      <c r="AE68" s="933"/>
      <c r="AF68" s="933">
        <v>602</v>
      </c>
      <c r="AG68" s="933"/>
      <c r="AH68" s="933"/>
      <c r="AI68" s="933"/>
      <c r="AJ68" s="933"/>
      <c r="AK68" s="933">
        <v>0</v>
      </c>
      <c r="AL68" s="933"/>
      <c r="AM68" s="933"/>
      <c r="AN68" s="933"/>
      <c r="AO68" s="933"/>
      <c r="AP68" s="933" t="s">
        <v>599</v>
      </c>
      <c r="AQ68" s="933"/>
      <c r="AR68" s="933"/>
      <c r="AS68" s="933"/>
      <c r="AT68" s="933"/>
      <c r="AU68" s="933" t="s">
        <v>599</v>
      </c>
      <c r="AV68" s="933"/>
      <c r="AW68" s="933"/>
      <c r="AX68" s="933"/>
      <c r="AY68" s="933"/>
      <c r="AZ68" s="934"/>
      <c r="BA68" s="934"/>
      <c r="BB68" s="934"/>
      <c r="BC68" s="934"/>
      <c r="BD68" s="935"/>
      <c r="BE68" s="237"/>
      <c r="BF68" s="237"/>
      <c r="BG68" s="237"/>
      <c r="BH68" s="237"/>
      <c r="BI68" s="237"/>
      <c r="BJ68" s="237"/>
      <c r="BK68" s="237"/>
      <c r="BL68" s="237"/>
      <c r="BM68" s="237"/>
      <c r="BN68" s="237"/>
      <c r="BO68" s="237"/>
      <c r="BP68" s="237"/>
      <c r="BQ68" s="234">
        <v>62</v>
      </c>
      <c r="BR68" s="239"/>
      <c r="BS68" s="926"/>
      <c r="BT68" s="927"/>
      <c r="BU68" s="927"/>
      <c r="BV68" s="927"/>
      <c r="BW68" s="927"/>
      <c r="BX68" s="927"/>
      <c r="BY68" s="927"/>
      <c r="BZ68" s="927"/>
      <c r="CA68" s="927"/>
      <c r="CB68" s="927"/>
      <c r="CC68" s="927"/>
      <c r="CD68" s="927"/>
      <c r="CE68" s="927"/>
      <c r="CF68" s="927"/>
      <c r="CG68" s="932"/>
      <c r="CH68" s="929"/>
      <c r="CI68" s="930"/>
      <c r="CJ68" s="930"/>
      <c r="CK68" s="930"/>
      <c r="CL68" s="931"/>
      <c r="CM68" s="929"/>
      <c r="CN68" s="930"/>
      <c r="CO68" s="930"/>
      <c r="CP68" s="930"/>
      <c r="CQ68" s="931"/>
      <c r="CR68" s="929"/>
      <c r="CS68" s="930"/>
      <c r="CT68" s="930"/>
      <c r="CU68" s="930"/>
      <c r="CV68" s="931"/>
      <c r="CW68" s="929"/>
      <c r="CX68" s="930"/>
      <c r="CY68" s="930"/>
      <c r="CZ68" s="930"/>
      <c r="DA68" s="931"/>
      <c r="DB68" s="929"/>
      <c r="DC68" s="930"/>
      <c r="DD68" s="930"/>
      <c r="DE68" s="930"/>
      <c r="DF68" s="931"/>
      <c r="DG68" s="929"/>
      <c r="DH68" s="930"/>
      <c r="DI68" s="930"/>
      <c r="DJ68" s="930"/>
      <c r="DK68" s="931"/>
      <c r="DL68" s="929"/>
      <c r="DM68" s="930"/>
      <c r="DN68" s="930"/>
      <c r="DO68" s="930"/>
      <c r="DP68" s="931"/>
      <c r="DQ68" s="929"/>
      <c r="DR68" s="930"/>
      <c r="DS68" s="930"/>
      <c r="DT68" s="930"/>
      <c r="DU68" s="931"/>
      <c r="DV68" s="926"/>
      <c r="DW68" s="927"/>
      <c r="DX68" s="927"/>
      <c r="DY68" s="927"/>
      <c r="DZ68" s="928"/>
      <c r="EA68" s="226"/>
    </row>
    <row r="69" spans="1:131" ht="26.25" customHeight="1" x14ac:dyDescent="0.2">
      <c r="A69" s="234">
        <v>2</v>
      </c>
      <c r="B69" s="940" t="s">
        <v>598</v>
      </c>
      <c r="C69" s="941"/>
      <c r="D69" s="941"/>
      <c r="E69" s="941"/>
      <c r="F69" s="941"/>
      <c r="G69" s="941"/>
      <c r="H69" s="941"/>
      <c r="I69" s="941"/>
      <c r="J69" s="941"/>
      <c r="K69" s="941"/>
      <c r="L69" s="941"/>
      <c r="M69" s="941"/>
      <c r="N69" s="941"/>
      <c r="O69" s="941"/>
      <c r="P69" s="942"/>
      <c r="Q69" s="943">
        <v>1008372</v>
      </c>
      <c r="R69" s="897"/>
      <c r="S69" s="897"/>
      <c r="T69" s="897"/>
      <c r="U69" s="897"/>
      <c r="V69" s="897">
        <v>987256</v>
      </c>
      <c r="W69" s="897"/>
      <c r="X69" s="897"/>
      <c r="Y69" s="897"/>
      <c r="Z69" s="897"/>
      <c r="AA69" s="897">
        <v>21116</v>
      </c>
      <c r="AB69" s="897"/>
      <c r="AC69" s="897"/>
      <c r="AD69" s="897"/>
      <c r="AE69" s="897"/>
      <c r="AF69" s="897">
        <v>21116</v>
      </c>
      <c r="AG69" s="897"/>
      <c r="AH69" s="897"/>
      <c r="AI69" s="897"/>
      <c r="AJ69" s="897"/>
      <c r="AK69" s="897">
        <v>4210</v>
      </c>
      <c r="AL69" s="897"/>
      <c r="AM69" s="897"/>
      <c r="AN69" s="897"/>
      <c r="AO69" s="897"/>
      <c r="AP69" s="897" t="s">
        <v>599</v>
      </c>
      <c r="AQ69" s="897"/>
      <c r="AR69" s="897"/>
      <c r="AS69" s="897"/>
      <c r="AT69" s="897"/>
      <c r="AU69" s="897" t="s">
        <v>599</v>
      </c>
      <c r="AV69" s="897"/>
      <c r="AW69" s="897"/>
      <c r="AX69" s="897"/>
      <c r="AY69" s="897"/>
      <c r="AZ69" s="899"/>
      <c r="BA69" s="899"/>
      <c r="BB69" s="899"/>
      <c r="BC69" s="899"/>
      <c r="BD69" s="900"/>
      <c r="BE69" s="237"/>
      <c r="BF69" s="237"/>
      <c r="BG69" s="237"/>
      <c r="BH69" s="237"/>
      <c r="BI69" s="237"/>
      <c r="BJ69" s="237"/>
      <c r="BK69" s="237"/>
      <c r="BL69" s="237"/>
      <c r="BM69" s="237"/>
      <c r="BN69" s="237"/>
      <c r="BO69" s="237"/>
      <c r="BP69" s="237"/>
      <c r="BQ69" s="234">
        <v>63</v>
      </c>
      <c r="BR69" s="239"/>
      <c r="BS69" s="926"/>
      <c r="BT69" s="927"/>
      <c r="BU69" s="927"/>
      <c r="BV69" s="927"/>
      <c r="BW69" s="927"/>
      <c r="BX69" s="927"/>
      <c r="BY69" s="927"/>
      <c r="BZ69" s="927"/>
      <c r="CA69" s="927"/>
      <c r="CB69" s="927"/>
      <c r="CC69" s="927"/>
      <c r="CD69" s="927"/>
      <c r="CE69" s="927"/>
      <c r="CF69" s="927"/>
      <c r="CG69" s="932"/>
      <c r="CH69" s="929"/>
      <c r="CI69" s="930"/>
      <c r="CJ69" s="930"/>
      <c r="CK69" s="930"/>
      <c r="CL69" s="931"/>
      <c r="CM69" s="929"/>
      <c r="CN69" s="930"/>
      <c r="CO69" s="930"/>
      <c r="CP69" s="930"/>
      <c r="CQ69" s="931"/>
      <c r="CR69" s="929"/>
      <c r="CS69" s="930"/>
      <c r="CT69" s="930"/>
      <c r="CU69" s="930"/>
      <c r="CV69" s="931"/>
      <c r="CW69" s="929"/>
      <c r="CX69" s="930"/>
      <c r="CY69" s="930"/>
      <c r="CZ69" s="930"/>
      <c r="DA69" s="931"/>
      <c r="DB69" s="929"/>
      <c r="DC69" s="930"/>
      <c r="DD69" s="930"/>
      <c r="DE69" s="930"/>
      <c r="DF69" s="931"/>
      <c r="DG69" s="929"/>
      <c r="DH69" s="930"/>
      <c r="DI69" s="930"/>
      <c r="DJ69" s="930"/>
      <c r="DK69" s="931"/>
      <c r="DL69" s="929"/>
      <c r="DM69" s="930"/>
      <c r="DN69" s="930"/>
      <c r="DO69" s="930"/>
      <c r="DP69" s="931"/>
      <c r="DQ69" s="929"/>
      <c r="DR69" s="930"/>
      <c r="DS69" s="930"/>
      <c r="DT69" s="930"/>
      <c r="DU69" s="931"/>
      <c r="DV69" s="926"/>
      <c r="DW69" s="927"/>
      <c r="DX69" s="927"/>
      <c r="DY69" s="927"/>
      <c r="DZ69" s="928"/>
      <c r="EA69" s="226"/>
    </row>
    <row r="70" spans="1:131" ht="26.25" customHeight="1" x14ac:dyDescent="0.2">
      <c r="A70" s="234">
        <v>3</v>
      </c>
      <c r="B70" s="940"/>
      <c r="C70" s="941"/>
      <c r="D70" s="941"/>
      <c r="E70" s="941"/>
      <c r="F70" s="941"/>
      <c r="G70" s="941"/>
      <c r="H70" s="941"/>
      <c r="I70" s="941"/>
      <c r="J70" s="941"/>
      <c r="K70" s="941"/>
      <c r="L70" s="941"/>
      <c r="M70" s="941"/>
      <c r="N70" s="941"/>
      <c r="O70" s="941"/>
      <c r="P70" s="942"/>
      <c r="Q70" s="943"/>
      <c r="R70" s="897"/>
      <c r="S70" s="897"/>
      <c r="T70" s="897"/>
      <c r="U70" s="897"/>
      <c r="V70" s="897"/>
      <c r="W70" s="897"/>
      <c r="X70" s="897"/>
      <c r="Y70" s="897"/>
      <c r="Z70" s="897"/>
      <c r="AA70" s="897"/>
      <c r="AB70" s="897"/>
      <c r="AC70" s="897"/>
      <c r="AD70" s="897"/>
      <c r="AE70" s="897"/>
      <c r="AF70" s="897"/>
      <c r="AG70" s="897"/>
      <c r="AH70" s="897"/>
      <c r="AI70" s="897"/>
      <c r="AJ70" s="897"/>
      <c r="AK70" s="897"/>
      <c r="AL70" s="897"/>
      <c r="AM70" s="897"/>
      <c r="AN70" s="897"/>
      <c r="AO70" s="897"/>
      <c r="AP70" s="897"/>
      <c r="AQ70" s="897"/>
      <c r="AR70" s="897"/>
      <c r="AS70" s="897"/>
      <c r="AT70" s="897"/>
      <c r="AU70" s="897"/>
      <c r="AV70" s="897"/>
      <c r="AW70" s="897"/>
      <c r="AX70" s="897"/>
      <c r="AY70" s="897"/>
      <c r="AZ70" s="899"/>
      <c r="BA70" s="899"/>
      <c r="BB70" s="899"/>
      <c r="BC70" s="899"/>
      <c r="BD70" s="900"/>
      <c r="BE70" s="237"/>
      <c r="BF70" s="237"/>
      <c r="BG70" s="237"/>
      <c r="BH70" s="237"/>
      <c r="BI70" s="237"/>
      <c r="BJ70" s="237"/>
      <c r="BK70" s="237"/>
      <c r="BL70" s="237"/>
      <c r="BM70" s="237"/>
      <c r="BN70" s="237"/>
      <c r="BO70" s="237"/>
      <c r="BP70" s="237"/>
      <c r="BQ70" s="234">
        <v>64</v>
      </c>
      <c r="BR70" s="239"/>
      <c r="BS70" s="926"/>
      <c r="BT70" s="927"/>
      <c r="BU70" s="927"/>
      <c r="BV70" s="927"/>
      <c r="BW70" s="927"/>
      <c r="BX70" s="927"/>
      <c r="BY70" s="927"/>
      <c r="BZ70" s="927"/>
      <c r="CA70" s="927"/>
      <c r="CB70" s="927"/>
      <c r="CC70" s="927"/>
      <c r="CD70" s="927"/>
      <c r="CE70" s="927"/>
      <c r="CF70" s="927"/>
      <c r="CG70" s="932"/>
      <c r="CH70" s="929"/>
      <c r="CI70" s="930"/>
      <c r="CJ70" s="930"/>
      <c r="CK70" s="930"/>
      <c r="CL70" s="931"/>
      <c r="CM70" s="929"/>
      <c r="CN70" s="930"/>
      <c r="CO70" s="930"/>
      <c r="CP70" s="930"/>
      <c r="CQ70" s="931"/>
      <c r="CR70" s="929"/>
      <c r="CS70" s="930"/>
      <c r="CT70" s="930"/>
      <c r="CU70" s="930"/>
      <c r="CV70" s="931"/>
      <c r="CW70" s="929"/>
      <c r="CX70" s="930"/>
      <c r="CY70" s="930"/>
      <c r="CZ70" s="930"/>
      <c r="DA70" s="931"/>
      <c r="DB70" s="929"/>
      <c r="DC70" s="930"/>
      <c r="DD70" s="930"/>
      <c r="DE70" s="930"/>
      <c r="DF70" s="931"/>
      <c r="DG70" s="929"/>
      <c r="DH70" s="930"/>
      <c r="DI70" s="930"/>
      <c r="DJ70" s="930"/>
      <c r="DK70" s="931"/>
      <c r="DL70" s="929"/>
      <c r="DM70" s="930"/>
      <c r="DN70" s="930"/>
      <c r="DO70" s="930"/>
      <c r="DP70" s="931"/>
      <c r="DQ70" s="929"/>
      <c r="DR70" s="930"/>
      <c r="DS70" s="930"/>
      <c r="DT70" s="930"/>
      <c r="DU70" s="931"/>
      <c r="DV70" s="926"/>
      <c r="DW70" s="927"/>
      <c r="DX70" s="927"/>
      <c r="DY70" s="927"/>
      <c r="DZ70" s="928"/>
      <c r="EA70" s="226"/>
    </row>
    <row r="71" spans="1:131" ht="26.25" customHeight="1" x14ac:dyDescent="0.2">
      <c r="A71" s="234">
        <v>4</v>
      </c>
      <c r="B71" s="940"/>
      <c r="C71" s="941"/>
      <c r="D71" s="941"/>
      <c r="E71" s="941"/>
      <c r="F71" s="941"/>
      <c r="G71" s="941"/>
      <c r="H71" s="941"/>
      <c r="I71" s="941"/>
      <c r="J71" s="941"/>
      <c r="K71" s="941"/>
      <c r="L71" s="941"/>
      <c r="M71" s="941"/>
      <c r="N71" s="941"/>
      <c r="O71" s="941"/>
      <c r="P71" s="942"/>
      <c r="Q71" s="943"/>
      <c r="R71" s="897"/>
      <c r="S71" s="897"/>
      <c r="T71" s="897"/>
      <c r="U71" s="897"/>
      <c r="V71" s="897"/>
      <c r="W71" s="897"/>
      <c r="X71" s="897"/>
      <c r="Y71" s="897"/>
      <c r="Z71" s="897"/>
      <c r="AA71" s="897"/>
      <c r="AB71" s="897"/>
      <c r="AC71" s="897"/>
      <c r="AD71" s="897"/>
      <c r="AE71" s="897"/>
      <c r="AF71" s="897"/>
      <c r="AG71" s="897"/>
      <c r="AH71" s="897"/>
      <c r="AI71" s="897"/>
      <c r="AJ71" s="897"/>
      <c r="AK71" s="897"/>
      <c r="AL71" s="897"/>
      <c r="AM71" s="897"/>
      <c r="AN71" s="897"/>
      <c r="AO71" s="897"/>
      <c r="AP71" s="897"/>
      <c r="AQ71" s="897"/>
      <c r="AR71" s="897"/>
      <c r="AS71" s="897"/>
      <c r="AT71" s="897"/>
      <c r="AU71" s="897"/>
      <c r="AV71" s="897"/>
      <c r="AW71" s="897"/>
      <c r="AX71" s="897"/>
      <c r="AY71" s="897"/>
      <c r="AZ71" s="899"/>
      <c r="BA71" s="899"/>
      <c r="BB71" s="899"/>
      <c r="BC71" s="899"/>
      <c r="BD71" s="900"/>
      <c r="BE71" s="237"/>
      <c r="BF71" s="237"/>
      <c r="BG71" s="237"/>
      <c r="BH71" s="237"/>
      <c r="BI71" s="237"/>
      <c r="BJ71" s="237"/>
      <c r="BK71" s="237"/>
      <c r="BL71" s="237"/>
      <c r="BM71" s="237"/>
      <c r="BN71" s="237"/>
      <c r="BO71" s="237"/>
      <c r="BP71" s="237"/>
      <c r="BQ71" s="234">
        <v>65</v>
      </c>
      <c r="BR71" s="239"/>
      <c r="BS71" s="926"/>
      <c r="BT71" s="927"/>
      <c r="BU71" s="927"/>
      <c r="BV71" s="927"/>
      <c r="BW71" s="927"/>
      <c r="BX71" s="927"/>
      <c r="BY71" s="927"/>
      <c r="BZ71" s="927"/>
      <c r="CA71" s="927"/>
      <c r="CB71" s="927"/>
      <c r="CC71" s="927"/>
      <c r="CD71" s="927"/>
      <c r="CE71" s="927"/>
      <c r="CF71" s="927"/>
      <c r="CG71" s="932"/>
      <c r="CH71" s="929"/>
      <c r="CI71" s="930"/>
      <c r="CJ71" s="930"/>
      <c r="CK71" s="930"/>
      <c r="CL71" s="931"/>
      <c r="CM71" s="929"/>
      <c r="CN71" s="930"/>
      <c r="CO71" s="930"/>
      <c r="CP71" s="930"/>
      <c r="CQ71" s="931"/>
      <c r="CR71" s="929"/>
      <c r="CS71" s="930"/>
      <c r="CT71" s="930"/>
      <c r="CU71" s="930"/>
      <c r="CV71" s="931"/>
      <c r="CW71" s="929"/>
      <c r="CX71" s="930"/>
      <c r="CY71" s="930"/>
      <c r="CZ71" s="930"/>
      <c r="DA71" s="931"/>
      <c r="DB71" s="929"/>
      <c r="DC71" s="930"/>
      <c r="DD71" s="930"/>
      <c r="DE71" s="930"/>
      <c r="DF71" s="931"/>
      <c r="DG71" s="929"/>
      <c r="DH71" s="930"/>
      <c r="DI71" s="930"/>
      <c r="DJ71" s="930"/>
      <c r="DK71" s="931"/>
      <c r="DL71" s="929"/>
      <c r="DM71" s="930"/>
      <c r="DN71" s="930"/>
      <c r="DO71" s="930"/>
      <c r="DP71" s="931"/>
      <c r="DQ71" s="929"/>
      <c r="DR71" s="930"/>
      <c r="DS71" s="930"/>
      <c r="DT71" s="930"/>
      <c r="DU71" s="931"/>
      <c r="DV71" s="926"/>
      <c r="DW71" s="927"/>
      <c r="DX71" s="927"/>
      <c r="DY71" s="927"/>
      <c r="DZ71" s="928"/>
      <c r="EA71" s="226"/>
    </row>
    <row r="72" spans="1:131" ht="26.25" customHeight="1" x14ac:dyDescent="0.2">
      <c r="A72" s="234">
        <v>5</v>
      </c>
      <c r="B72" s="940"/>
      <c r="C72" s="941"/>
      <c r="D72" s="941"/>
      <c r="E72" s="941"/>
      <c r="F72" s="941"/>
      <c r="G72" s="941"/>
      <c r="H72" s="941"/>
      <c r="I72" s="941"/>
      <c r="J72" s="941"/>
      <c r="K72" s="941"/>
      <c r="L72" s="941"/>
      <c r="M72" s="941"/>
      <c r="N72" s="941"/>
      <c r="O72" s="941"/>
      <c r="P72" s="942"/>
      <c r="Q72" s="943"/>
      <c r="R72" s="897"/>
      <c r="S72" s="897"/>
      <c r="T72" s="897"/>
      <c r="U72" s="897"/>
      <c r="V72" s="897"/>
      <c r="W72" s="897"/>
      <c r="X72" s="897"/>
      <c r="Y72" s="897"/>
      <c r="Z72" s="897"/>
      <c r="AA72" s="897"/>
      <c r="AB72" s="897"/>
      <c r="AC72" s="897"/>
      <c r="AD72" s="897"/>
      <c r="AE72" s="897"/>
      <c r="AF72" s="897"/>
      <c r="AG72" s="897"/>
      <c r="AH72" s="897"/>
      <c r="AI72" s="897"/>
      <c r="AJ72" s="897"/>
      <c r="AK72" s="897"/>
      <c r="AL72" s="897"/>
      <c r="AM72" s="897"/>
      <c r="AN72" s="897"/>
      <c r="AO72" s="897"/>
      <c r="AP72" s="897"/>
      <c r="AQ72" s="897"/>
      <c r="AR72" s="897"/>
      <c r="AS72" s="897"/>
      <c r="AT72" s="897"/>
      <c r="AU72" s="897"/>
      <c r="AV72" s="897"/>
      <c r="AW72" s="897"/>
      <c r="AX72" s="897"/>
      <c r="AY72" s="897"/>
      <c r="AZ72" s="899"/>
      <c r="BA72" s="899"/>
      <c r="BB72" s="899"/>
      <c r="BC72" s="899"/>
      <c r="BD72" s="900"/>
      <c r="BE72" s="237"/>
      <c r="BF72" s="237"/>
      <c r="BG72" s="237"/>
      <c r="BH72" s="237"/>
      <c r="BI72" s="237"/>
      <c r="BJ72" s="237"/>
      <c r="BK72" s="237"/>
      <c r="BL72" s="237"/>
      <c r="BM72" s="237"/>
      <c r="BN72" s="237"/>
      <c r="BO72" s="237"/>
      <c r="BP72" s="237"/>
      <c r="BQ72" s="234">
        <v>66</v>
      </c>
      <c r="BR72" s="239"/>
      <c r="BS72" s="926"/>
      <c r="BT72" s="927"/>
      <c r="BU72" s="927"/>
      <c r="BV72" s="927"/>
      <c r="BW72" s="927"/>
      <c r="BX72" s="927"/>
      <c r="BY72" s="927"/>
      <c r="BZ72" s="927"/>
      <c r="CA72" s="927"/>
      <c r="CB72" s="927"/>
      <c r="CC72" s="927"/>
      <c r="CD72" s="927"/>
      <c r="CE72" s="927"/>
      <c r="CF72" s="927"/>
      <c r="CG72" s="932"/>
      <c r="CH72" s="929"/>
      <c r="CI72" s="930"/>
      <c r="CJ72" s="930"/>
      <c r="CK72" s="930"/>
      <c r="CL72" s="931"/>
      <c r="CM72" s="929"/>
      <c r="CN72" s="930"/>
      <c r="CO72" s="930"/>
      <c r="CP72" s="930"/>
      <c r="CQ72" s="931"/>
      <c r="CR72" s="929"/>
      <c r="CS72" s="930"/>
      <c r="CT72" s="930"/>
      <c r="CU72" s="930"/>
      <c r="CV72" s="931"/>
      <c r="CW72" s="929"/>
      <c r="CX72" s="930"/>
      <c r="CY72" s="930"/>
      <c r="CZ72" s="930"/>
      <c r="DA72" s="931"/>
      <c r="DB72" s="929"/>
      <c r="DC72" s="930"/>
      <c r="DD72" s="930"/>
      <c r="DE72" s="930"/>
      <c r="DF72" s="931"/>
      <c r="DG72" s="929"/>
      <c r="DH72" s="930"/>
      <c r="DI72" s="930"/>
      <c r="DJ72" s="930"/>
      <c r="DK72" s="931"/>
      <c r="DL72" s="929"/>
      <c r="DM72" s="930"/>
      <c r="DN72" s="930"/>
      <c r="DO72" s="930"/>
      <c r="DP72" s="931"/>
      <c r="DQ72" s="929"/>
      <c r="DR72" s="930"/>
      <c r="DS72" s="930"/>
      <c r="DT72" s="930"/>
      <c r="DU72" s="931"/>
      <c r="DV72" s="926"/>
      <c r="DW72" s="927"/>
      <c r="DX72" s="927"/>
      <c r="DY72" s="927"/>
      <c r="DZ72" s="928"/>
      <c r="EA72" s="226"/>
    </row>
    <row r="73" spans="1:131" ht="26.25" customHeight="1" x14ac:dyDescent="0.2">
      <c r="A73" s="234">
        <v>6</v>
      </c>
      <c r="B73" s="940"/>
      <c r="C73" s="941"/>
      <c r="D73" s="941"/>
      <c r="E73" s="941"/>
      <c r="F73" s="941"/>
      <c r="G73" s="941"/>
      <c r="H73" s="941"/>
      <c r="I73" s="941"/>
      <c r="J73" s="941"/>
      <c r="K73" s="941"/>
      <c r="L73" s="941"/>
      <c r="M73" s="941"/>
      <c r="N73" s="941"/>
      <c r="O73" s="941"/>
      <c r="P73" s="942"/>
      <c r="Q73" s="943"/>
      <c r="R73" s="897"/>
      <c r="S73" s="897"/>
      <c r="T73" s="897"/>
      <c r="U73" s="897"/>
      <c r="V73" s="897"/>
      <c r="W73" s="897"/>
      <c r="X73" s="897"/>
      <c r="Y73" s="897"/>
      <c r="Z73" s="897"/>
      <c r="AA73" s="897"/>
      <c r="AB73" s="897"/>
      <c r="AC73" s="897"/>
      <c r="AD73" s="897"/>
      <c r="AE73" s="897"/>
      <c r="AF73" s="897"/>
      <c r="AG73" s="897"/>
      <c r="AH73" s="897"/>
      <c r="AI73" s="897"/>
      <c r="AJ73" s="897"/>
      <c r="AK73" s="897"/>
      <c r="AL73" s="897"/>
      <c r="AM73" s="897"/>
      <c r="AN73" s="897"/>
      <c r="AO73" s="897"/>
      <c r="AP73" s="897"/>
      <c r="AQ73" s="897"/>
      <c r="AR73" s="897"/>
      <c r="AS73" s="897"/>
      <c r="AT73" s="897"/>
      <c r="AU73" s="897"/>
      <c r="AV73" s="897"/>
      <c r="AW73" s="897"/>
      <c r="AX73" s="897"/>
      <c r="AY73" s="897"/>
      <c r="AZ73" s="899"/>
      <c r="BA73" s="899"/>
      <c r="BB73" s="899"/>
      <c r="BC73" s="899"/>
      <c r="BD73" s="900"/>
      <c r="BE73" s="237"/>
      <c r="BF73" s="237"/>
      <c r="BG73" s="237"/>
      <c r="BH73" s="237"/>
      <c r="BI73" s="237"/>
      <c r="BJ73" s="237"/>
      <c r="BK73" s="237"/>
      <c r="BL73" s="237"/>
      <c r="BM73" s="237"/>
      <c r="BN73" s="237"/>
      <c r="BO73" s="237"/>
      <c r="BP73" s="237"/>
      <c r="BQ73" s="234">
        <v>67</v>
      </c>
      <c r="BR73" s="239"/>
      <c r="BS73" s="926"/>
      <c r="BT73" s="927"/>
      <c r="BU73" s="927"/>
      <c r="BV73" s="927"/>
      <c r="BW73" s="927"/>
      <c r="BX73" s="927"/>
      <c r="BY73" s="927"/>
      <c r="BZ73" s="927"/>
      <c r="CA73" s="927"/>
      <c r="CB73" s="927"/>
      <c r="CC73" s="927"/>
      <c r="CD73" s="927"/>
      <c r="CE73" s="927"/>
      <c r="CF73" s="927"/>
      <c r="CG73" s="932"/>
      <c r="CH73" s="929"/>
      <c r="CI73" s="930"/>
      <c r="CJ73" s="930"/>
      <c r="CK73" s="930"/>
      <c r="CL73" s="931"/>
      <c r="CM73" s="929"/>
      <c r="CN73" s="930"/>
      <c r="CO73" s="930"/>
      <c r="CP73" s="930"/>
      <c r="CQ73" s="931"/>
      <c r="CR73" s="929"/>
      <c r="CS73" s="930"/>
      <c r="CT73" s="930"/>
      <c r="CU73" s="930"/>
      <c r="CV73" s="931"/>
      <c r="CW73" s="929"/>
      <c r="CX73" s="930"/>
      <c r="CY73" s="930"/>
      <c r="CZ73" s="930"/>
      <c r="DA73" s="931"/>
      <c r="DB73" s="929"/>
      <c r="DC73" s="930"/>
      <c r="DD73" s="930"/>
      <c r="DE73" s="930"/>
      <c r="DF73" s="931"/>
      <c r="DG73" s="929"/>
      <c r="DH73" s="930"/>
      <c r="DI73" s="930"/>
      <c r="DJ73" s="930"/>
      <c r="DK73" s="931"/>
      <c r="DL73" s="929"/>
      <c r="DM73" s="930"/>
      <c r="DN73" s="930"/>
      <c r="DO73" s="930"/>
      <c r="DP73" s="931"/>
      <c r="DQ73" s="929"/>
      <c r="DR73" s="930"/>
      <c r="DS73" s="930"/>
      <c r="DT73" s="930"/>
      <c r="DU73" s="931"/>
      <c r="DV73" s="926"/>
      <c r="DW73" s="927"/>
      <c r="DX73" s="927"/>
      <c r="DY73" s="927"/>
      <c r="DZ73" s="928"/>
      <c r="EA73" s="226"/>
    </row>
    <row r="74" spans="1:131" ht="26.25" customHeight="1" x14ac:dyDescent="0.2">
      <c r="A74" s="234">
        <v>7</v>
      </c>
      <c r="B74" s="940"/>
      <c r="C74" s="941"/>
      <c r="D74" s="941"/>
      <c r="E74" s="941"/>
      <c r="F74" s="941"/>
      <c r="G74" s="941"/>
      <c r="H74" s="941"/>
      <c r="I74" s="941"/>
      <c r="J74" s="941"/>
      <c r="K74" s="941"/>
      <c r="L74" s="941"/>
      <c r="M74" s="941"/>
      <c r="N74" s="941"/>
      <c r="O74" s="941"/>
      <c r="P74" s="942"/>
      <c r="Q74" s="943"/>
      <c r="R74" s="897"/>
      <c r="S74" s="897"/>
      <c r="T74" s="897"/>
      <c r="U74" s="897"/>
      <c r="V74" s="897"/>
      <c r="W74" s="897"/>
      <c r="X74" s="897"/>
      <c r="Y74" s="897"/>
      <c r="Z74" s="897"/>
      <c r="AA74" s="897"/>
      <c r="AB74" s="897"/>
      <c r="AC74" s="897"/>
      <c r="AD74" s="897"/>
      <c r="AE74" s="897"/>
      <c r="AF74" s="897"/>
      <c r="AG74" s="897"/>
      <c r="AH74" s="897"/>
      <c r="AI74" s="897"/>
      <c r="AJ74" s="897"/>
      <c r="AK74" s="897"/>
      <c r="AL74" s="897"/>
      <c r="AM74" s="897"/>
      <c r="AN74" s="897"/>
      <c r="AO74" s="897"/>
      <c r="AP74" s="897"/>
      <c r="AQ74" s="897"/>
      <c r="AR74" s="897"/>
      <c r="AS74" s="897"/>
      <c r="AT74" s="897"/>
      <c r="AU74" s="897"/>
      <c r="AV74" s="897"/>
      <c r="AW74" s="897"/>
      <c r="AX74" s="897"/>
      <c r="AY74" s="897"/>
      <c r="AZ74" s="899"/>
      <c r="BA74" s="899"/>
      <c r="BB74" s="899"/>
      <c r="BC74" s="899"/>
      <c r="BD74" s="900"/>
      <c r="BE74" s="237"/>
      <c r="BF74" s="237"/>
      <c r="BG74" s="237"/>
      <c r="BH74" s="237"/>
      <c r="BI74" s="237"/>
      <c r="BJ74" s="237"/>
      <c r="BK74" s="237"/>
      <c r="BL74" s="237"/>
      <c r="BM74" s="237"/>
      <c r="BN74" s="237"/>
      <c r="BO74" s="237"/>
      <c r="BP74" s="237"/>
      <c r="BQ74" s="234">
        <v>68</v>
      </c>
      <c r="BR74" s="239"/>
      <c r="BS74" s="926"/>
      <c r="BT74" s="927"/>
      <c r="BU74" s="927"/>
      <c r="BV74" s="927"/>
      <c r="BW74" s="927"/>
      <c r="BX74" s="927"/>
      <c r="BY74" s="927"/>
      <c r="BZ74" s="927"/>
      <c r="CA74" s="927"/>
      <c r="CB74" s="927"/>
      <c r="CC74" s="927"/>
      <c r="CD74" s="927"/>
      <c r="CE74" s="927"/>
      <c r="CF74" s="927"/>
      <c r="CG74" s="932"/>
      <c r="CH74" s="929"/>
      <c r="CI74" s="930"/>
      <c r="CJ74" s="930"/>
      <c r="CK74" s="930"/>
      <c r="CL74" s="931"/>
      <c r="CM74" s="929"/>
      <c r="CN74" s="930"/>
      <c r="CO74" s="930"/>
      <c r="CP74" s="930"/>
      <c r="CQ74" s="931"/>
      <c r="CR74" s="929"/>
      <c r="CS74" s="930"/>
      <c r="CT74" s="930"/>
      <c r="CU74" s="930"/>
      <c r="CV74" s="931"/>
      <c r="CW74" s="929"/>
      <c r="CX74" s="930"/>
      <c r="CY74" s="930"/>
      <c r="CZ74" s="930"/>
      <c r="DA74" s="931"/>
      <c r="DB74" s="929"/>
      <c r="DC74" s="930"/>
      <c r="DD74" s="930"/>
      <c r="DE74" s="930"/>
      <c r="DF74" s="931"/>
      <c r="DG74" s="929"/>
      <c r="DH74" s="930"/>
      <c r="DI74" s="930"/>
      <c r="DJ74" s="930"/>
      <c r="DK74" s="931"/>
      <c r="DL74" s="929"/>
      <c r="DM74" s="930"/>
      <c r="DN74" s="930"/>
      <c r="DO74" s="930"/>
      <c r="DP74" s="931"/>
      <c r="DQ74" s="929"/>
      <c r="DR74" s="930"/>
      <c r="DS74" s="930"/>
      <c r="DT74" s="930"/>
      <c r="DU74" s="931"/>
      <c r="DV74" s="926"/>
      <c r="DW74" s="927"/>
      <c r="DX74" s="927"/>
      <c r="DY74" s="927"/>
      <c r="DZ74" s="928"/>
      <c r="EA74" s="226"/>
    </row>
    <row r="75" spans="1:131" ht="26.25" customHeight="1" x14ac:dyDescent="0.2">
      <c r="A75" s="234">
        <v>8</v>
      </c>
      <c r="B75" s="940"/>
      <c r="C75" s="941"/>
      <c r="D75" s="941"/>
      <c r="E75" s="941"/>
      <c r="F75" s="941"/>
      <c r="G75" s="941"/>
      <c r="H75" s="941"/>
      <c r="I75" s="941"/>
      <c r="J75" s="941"/>
      <c r="K75" s="941"/>
      <c r="L75" s="941"/>
      <c r="M75" s="941"/>
      <c r="N75" s="941"/>
      <c r="O75" s="941"/>
      <c r="P75" s="942"/>
      <c r="Q75" s="944"/>
      <c r="R75" s="945"/>
      <c r="S75" s="945"/>
      <c r="T75" s="945"/>
      <c r="U75" s="901"/>
      <c r="V75" s="946"/>
      <c r="W75" s="945"/>
      <c r="X75" s="945"/>
      <c r="Y75" s="945"/>
      <c r="Z75" s="901"/>
      <c r="AA75" s="946"/>
      <c r="AB75" s="945"/>
      <c r="AC75" s="945"/>
      <c r="AD75" s="945"/>
      <c r="AE75" s="901"/>
      <c r="AF75" s="946"/>
      <c r="AG75" s="945"/>
      <c r="AH75" s="945"/>
      <c r="AI75" s="945"/>
      <c r="AJ75" s="901"/>
      <c r="AK75" s="946"/>
      <c r="AL75" s="945"/>
      <c r="AM75" s="945"/>
      <c r="AN75" s="945"/>
      <c r="AO75" s="901"/>
      <c r="AP75" s="946"/>
      <c r="AQ75" s="945"/>
      <c r="AR75" s="945"/>
      <c r="AS75" s="945"/>
      <c r="AT75" s="901"/>
      <c r="AU75" s="946"/>
      <c r="AV75" s="945"/>
      <c r="AW75" s="945"/>
      <c r="AX75" s="945"/>
      <c r="AY75" s="901"/>
      <c r="AZ75" s="899"/>
      <c r="BA75" s="899"/>
      <c r="BB75" s="899"/>
      <c r="BC75" s="899"/>
      <c r="BD75" s="900"/>
      <c r="BE75" s="237"/>
      <c r="BF75" s="237"/>
      <c r="BG75" s="237"/>
      <c r="BH75" s="237"/>
      <c r="BI75" s="237"/>
      <c r="BJ75" s="237"/>
      <c r="BK75" s="237"/>
      <c r="BL75" s="237"/>
      <c r="BM75" s="237"/>
      <c r="BN75" s="237"/>
      <c r="BO75" s="237"/>
      <c r="BP75" s="237"/>
      <c r="BQ75" s="234">
        <v>69</v>
      </c>
      <c r="BR75" s="239"/>
      <c r="BS75" s="926"/>
      <c r="BT75" s="927"/>
      <c r="BU75" s="927"/>
      <c r="BV75" s="927"/>
      <c r="BW75" s="927"/>
      <c r="BX75" s="927"/>
      <c r="BY75" s="927"/>
      <c r="BZ75" s="927"/>
      <c r="CA75" s="927"/>
      <c r="CB75" s="927"/>
      <c r="CC75" s="927"/>
      <c r="CD75" s="927"/>
      <c r="CE75" s="927"/>
      <c r="CF75" s="927"/>
      <c r="CG75" s="932"/>
      <c r="CH75" s="929"/>
      <c r="CI75" s="930"/>
      <c r="CJ75" s="930"/>
      <c r="CK75" s="930"/>
      <c r="CL75" s="931"/>
      <c r="CM75" s="929"/>
      <c r="CN75" s="930"/>
      <c r="CO75" s="930"/>
      <c r="CP75" s="930"/>
      <c r="CQ75" s="931"/>
      <c r="CR75" s="929"/>
      <c r="CS75" s="930"/>
      <c r="CT75" s="930"/>
      <c r="CU75" s="930"/>
      <c r="CV75" s="931"/>
      <c r="CW75" s="929"/>
      <c r="CX75" s="930"/>
      <c r="CY75" s="930"/>
      <c r="CZ75" s="930"/>
      <c r="DA75" s="931"/>
      <c r="DB75" s="929"/>
      <c r="DC75" s="930"/>
      <c r="DD75" s="930"/>
      <c r="DE75" s="930"/>
      <c r="DF75" s="931"/>
      <c r="DG75" s="929"/>
      <c r="DH75" s="930"/>
      <c r="DI75" s="930"/>
      <c r="DJ75" s="930"/>
      <c r="DK75" s="931"/>
      <c r="DL75" s="929"/>
      <c r="DM75" s="930"/>
      <c r="DN75" s="930"/>
      <c r="DO75" s="930"/>
      <c r="DP75" s="931"/>
      <c r="DQ75" s="929"/>
      <c r="DR75" s="930"/>
      <c r="DS75" s="930"/>
      <c r="DT75" s="930"/>
      <c r="DU75" s="931"/>
      <c r="DV75" s="926"/>
      <c r="DW75" s="927"/>
      <c r="DX75" s="927"/>
      <c r="DY75" s="927"/>
      <c r="DZ75" s="928"/>
      <c r="EA75" s="226"/>
    </row>
    <row r="76" spans="1:131" ht="26.25" customHeight="1" x14ac:dyDescent="0.2">
      <c r="A76" s="234">
        <v>9</v>
      </c>
      <c r="B76" s="940"/>
      <c r="C76" s="941"/>
      <c r="D76" s="941"/>
      <c r="E76" s="941"/>
      <c r="F76" s="941"/>
      <c r="G76" s="941"/>
      <c r="H76" s="941"/>
      <c r="I76" s="941"/>
      <c r="J76" s="941"/>
      <c r="K76" s="941"/>
      <c r="L76" s="941"/>
      <c r="M76" s="941"/>
      <c r="N76" s="941"/>
      <c r="O76" s="941"/>
      <c r="P76" s="942"/>
      <c r="Q76" s="944"/>
      <c r="R76" s="945"/>
      <c r="S76" s="945"/>
      <c r="T76" s="945"/>
      <c r="U76" s="901"/>
      <c r="V76" s="946"/>
      <c r="W76" s="945"/>
      <c r="X76" s="945"/>
      <c r="Y76" s="945"/>
      <c r="Z76" s="901"/>
      <c r="AA76" s="946"/>
      <c r="AB76" s="945"/>
      <c r="AC76" s="945"/>
      <c r="AD76" s="945"/>
      <c r="AE76" s="901"/>
      <c r="AF76" s="946"/>
      <c r="AG76" s="945"/>
      <c r="AH76" s="945"/>
      <c r="AI76" s="945"/>
      <c r="AJ76" s="901"/>
      <c r="AK76" s="946"/>
      <c r="AL76" s="945"/>
      <c r="AM76" s="945"/>
      <c r="AN76" s="945"/>
      <c r="AO76" s="901"/>
      <c r="AP76" s="946"/>
      <c r="AQ76" s="945"/>
      <c r="AR76" s="945"/>
      <c r="AS76" s="945"/>
      <c r="AT76" s="901"/>
      <c r="AU76" s="946"/>
      <c r="AV76" s="945"/>
      <c r="AW76" s="945"/>
      <c r="AX76" s="945"/>
      <c r="AY76" s="901"/>
      <c r="AZ76" s="899"/>
      <c r="BA76" s="899"/>
      <c r="BB76" s="899"/>
      <c r="BC76" s="899"/>
      <c r="BD76" s="900"/>
      <c r="BE76" s="237"/>
      <c r="BF76" s="237"/>
      <c r="BG76" s="237"/>
      <c r="BH76" s="237"/>
      <c r="BI76" s="237"/>
      <c r="BJ76" s="237"/>
      <c r="BK76" s="237"/>
      <c r="BL76" s="237"/>
      <c r="BM76" s="237"/>
      <c r="BN76" s="237"/>
      <c r="BO76" s="237"/>
      <c r="BP76" s="237"/>
      <c r="BQ76" s="234">
        <v>70</v>
      </c>
      <c r="BR76" s="239"/>
      <c r="BS76" s="926"/>
      <c r="BT76" s="927"/>
      <c r="BU76" s="927"/>
      <c r="BV76" s="927"/>
      <c r="BW76" s="927"/>
      <c r="BX76" s="927"/>
      <c r="BY76" s="927"/>
      <c r="BZ76" s="927"/>
      <c r="CA76" s="927"/>
      <c r="CB76" s="927"/>
      <c r="CC76" s="927"/>
      <c r="CD76" s="927"/>
      <c r="CE76" s="927"/>
      <c r="CF76" s="927"/>
      <c r="CG76" s="932"/>
      <c r="CH76" s="929"/>
      <c r="CI76" s="930"/>
      <c r="CJ76" s="930"/>
      <c r="CK76" s="930"/>
      <c r="CL76" s="931"/>
      <c r="CM76" s="929"/>
      <c r="CN76" s="930"/>
      <c r="CO76" s="930"/>
      <c r="CP76" s="930"/>
      <c r="CQ76" s="931"/>
      <c r="CR76" s="929"/>
      <c r="CS76" s="930"/>
      <c r="CT76" s="930"/>
      <c r="CU76" s="930"/>
      <c r="CV76" s="931"/>
      <c r="CW76" s="929"/>
      <c r="CX76" s="930"/>
      <c r="CY76" s="930"/>
      <c r="CZ76" s="930"/>
      <c r="DA76" s="931"/>
      <c r="DB76" s="929"/>
      <c r="DC76" s="930"/>
      <c r="DD76" s="930"/>
      <c r="DE76" s="930"/>
      <c r="DF76" s="931"/>
      <c r="DG76" s="929"/>
      <c r="DH76" s="930"/>
      <c r="DI76" s="930"/>
      <c r="DJ76" s="930"/>
      <c r="DK76" s="931"/>
      <c r="DL76" s="929"/>
      <c r="DM76" s="930"/>
      <c r="DN76" s="930"/>
      <c r="DO76" s="930"/>
      <c r="DP76" s="931"/>
      <c r="DQ76" s="929"/>
      <c r="DR76" s="930"/>
      <c r="DS76" s="930"/>
      <c r="DT76" s="930"/>
      <c r="DU76" s="931"/>
      <c r="DV76" s="926"/>
      <c r="DW76" s="927"/>
      <c r="DX76" s="927"/>
      <c r="DY76" s="927"/>
      <c r="DZ76" s="928"/>
      <c r="EA76" s="226"/>
    </row>
    <row r="77" spans="1:131" ht="26.25" customHeight="1" x14ac:dyDescent="0.2">
      <c r="A77" s="234">
        <v>10</v>
      </c>
      <c r="B77" s="940"/>
      <c r="C77" s="941"/>
      <c r="D77" s="941"/>
      <c r="E77" s="941"/>
      <c r="F77" s="941"/>
      <c r="G77" s="941"/>
      <c r="H77" s="941"/>
      <c r="I77" s="941"/>
      <c r="J77" s="941"/>
      <c r="K77" s="941"/>
      <c r="L77" s="941"/>
      <c r="M77" s="941"/>
      <c r="N77" s="941"/>
      <c r="O77" s="941"/>
      <c r="P77" s="942"/>
      <c r="Q77" s="944"/>
      <c r="R77" s="945"/>
      <c r="S77" s="945"/>
      <c r="T77" s="945"/>
      <c r="U77" s="901"/>
      <c r="V77" s="946"/>
      <c r="W77" s="945"/>
      <c r="X77" s="945"/>
      <c r="Y77" s="945"/>
      <c r="Z77" s="901"/>
      <c r="AA77" s="946"/>
      <c r="AB77" s="945"/>
      <c r="AC77" s="945"/>
      <c r="AD77" s="945"/>
      <c r="AE77" s="901"/>
      <c r="AF77" s="946"/>
      <c r="AG77" s="945"/>
      <c r="AH77" s="945"/>
      <c r="AI77" s="945"/>
      <c r="AJ77" s="901"/>
      <c r="AK77" s="946"/>
      <c r="AL77" s="945"/>
      <c r="AM77" s="945"/>
      <c r="AN77" s="945"/>
      <c r="AO77" s="901"/>
      <c r="AP77" s="946"/>
      <c r="AQ77" s="945"/>
      <c r="AR77" s="945"/>
      <c r="AS77" s="945"/>
      <c r="AT77" s="901"/>
      <c r="AU77" s="946"/>
      <c r="AV77" s="945"/>
      <c r="AW77" s="945"/>
      <c r="AX77" s="945"/>
      <c r="AY77" s="901"/>
      <c r="AZ77" s="899"/>
      <c r="BA77" s="899"/>
      <c r="BB77" s="899"/>
      <c r="BC77" s="899"/>
      <c r="BD77" s="900"/>
      <c r="BE77" s="237"/>
      <c r="BF77" s="237"/>
      <c r="BG77" s="237"/>
      <c r="BH77" s="237"/>
      <c r="BI77" s="237"/>
      <c r="BJ77" s="237"/>
      <c r="BK77" s="237"/>
      <c r="BL77" s="237"/>
      <c r="BM77" s="237"/>
      <c r="BN77" s="237"/>
      <c r="BO77" s="237"/>
      <c r="BP77" s="237"/>
      <c r="BQ77" s="234">
        <v>71</v>
      </c>
      <c r="BR77" s="239"/>
      <c r="BS77" s="926"/>
      <c r="BT77" s="927"/>
      <c r="BU77" s="927"/>
      <c r="BV77" s="927"/>
      <c r="BW77" s="927"/>
      <c r="BX77" s="927"/>
      <c r="BY77" s="927"/>
      <c r="BZ77" s="927"/>
      <c r="CA77" s="927"/>
      <c r="CB77" s="927"/>
      <c r="CC77" s="927"/>
      <c r="CD77" s="927"/>
      <c r="CE77" s="927"/>
      <c r="CF77" s="927"/>
      <c r="CG77" s="932"/>
      <c r="CH77" s="929"/>
      <c r="CI77" s="930"/>
      <c r="CJ77" s="930"/>
      <c r="CK77" s="930"/>
      <c r="CL77" s="931"/>
      <c r="CM77" s="929"/>
      <c r="CN77" s="930"/>
      <c r="CO77" s="930"/>
      <c r="CP77" s="930"/>
      <c r="CQ77" s="931"/>
      <c r="CR77" s="929"/>
      <c r="CS77" s="930"/>
      <c r="CT77" s="930"/>
      <c r="CU77" s="930"/>
      <c r="CV77" s="931"/>
      <c r="CW77" s="929"/>
      <c r="CX77" s="930"/>
      <c r="CY77" s="930"/>
      <c r="CZ77" s="930"/>
      <c r="DA77" s="931"/>
      <c r="DB77" s="929"/>
      <c r="DC77" s="930"/>
      <c r="DD77" s="930"/>
      <c r="DE77" s="930"/>
      <c r="DF77" s="931"/>
      <c r="DG77" s="929"/>
      <c r="DH77" s="930"/>
      <c r="DI77" s="930"/>
      <c r="DJ77" s="930"/>
      <c r="DK77" s="931"/>
      <c r="DL77" s="929"/>
      <c r="DM77" s="930"/>
      <c r="DN77" s="930"/>
      <c r="DO77" s="930"/>
      <c r="DP77" s="931"/>
      <c r="DQ77" s="929"/>
      <c r="DR77" s="930"/>
      <c r="DS77" s="930"/>
      <c r="DT77" s="930"/>
      <c r="DU77" s="931"/>
      <c r="DV77" s="926"/>
      <c r="DW77" s="927"/>
      <c r="DX77" s="927"/>
      <c r="DY77" s="927"/>
      <c r="DZ77" s="928"/>
      <c r="EA77" s="226"/>
    </row>
    <row r="78" spans="1:131" ht="26.25" customHeight="1" x14ac:dyDescent="0.2">
      <c r="A78" s="234">
        <v>11</v>
      </c>
      <c r="B78" s="940"/>
      <c r="C78" s="941"/>
      <c r="D78" s="941"/>
      <c r="E78" s="941"/>
      <c r="F78" s="941"/>
      <c r="G78" s="941"/>
      <c r="H78" s="941"/>
      <c r="I78" s="941"/>
      <c r="J78" s="941"/>
      <c r="K78" s="941"/>
      <c r="L78" s="941"/>
      <c r="M78" s="941"/>
      <c r="N78" s="941"/>
      <c r="O78" s="941"/>
      <c r="P78" s="942"/>
      <c r="Q78" s="943"/>
      <c r="R78" s="897"/>
      <c r="S78" s="897"/>
      <c r="T78" s="897"/>
      <c r="U78" s="897"/>
      <c r="V78" s="897"/>
      <c r="W78" s="897"/>
      <c r="X78" s="897"/>
      <c r="Y78" s="897"/>
      <c r="Z78" s="897"/>
      <c r="AA78" s="897"/>
      <c r="AB78" s="897"/>
      <c r="AC78" s="897"/>
      <c r="AD78" s="897"/>
      <c r="AE78" s="897"/>
      <c r="AF78" s="897"/>
      <c r="AG78" s="897"/>
      <c r="AH78" s="897"/>
      <c r="AI78" s="897"/>
      <c r="AJ78" s="897"/>
      <c r="AK78" s="897"/>
      <c r="AL78" s="897"/>
      <c r="AM78" s="897"/>
      <c r="AN78" s="897"/>
      <c r="AO78" s="897"/>
      <c r="AP78" s="897"/>
      <c r="AQ78" s="897"/>
      <c r="AR78" s="897"/>
      <c r="AS78" s="897"/>
      <c r="AT78" s="897"/>
      <c r="AU78" s="897"/>
      <c r="AV78" s="897"/>
      <c r="AW78" s="897"/>
      <c r="AX78" s="897"/>
      <c r="AY78" s="897"/>
      <c r="AZ78" s="899"/>
      <c r="BA78" s="899"/>
      <c r="BB78" s="899"/>
      <c r="BC78" s="899"/>
      <c r="BD78" s="900"/>
      <c r="BE78" s="237"/>
      <c r="BF78" s="237"/>
      <c r="BG78" s="237"/>
      <c r="BH78" s="237"/>
      <c r="BI78" s="237"/>
      <c r="BJ78" s="226"/>
      <c r="BK78" s="226"/>
      <c r="BL78" s="226"/>
      <c r="BM78" s="226"/>
      <c r="BN78" s="226"/>
      <c r="BO78" s="237"/>
      <c r="BP78" s="237"/>
      <c r="BQ78" s="234">
        <v>72</v>
      </c>
      <c r="BR78" s="239"/>
      <c r="BS78" s="926"/>
      <c r="BT78" s="927"/>
      <c r="BU78" s="927"/>
      <c r="BV78" s="927"/>
      <c r="BW78" s="927"/>
      <c r="BX78" s="927"/>
      <c r="BY78" s="927"/>
      <c r="BZ78" s="927"/>
      <c r="CA78" s="927"/>
      <c r="CB78" s="927"/>
      <c r="CC78" s="927"/>
      <c r="CD78" s="927"/>
      <c r="CE78" s="927"/>
      <c r="CF78" s="927"/>
      <c r="CG78" s="932"/>
      <c r="CH78" s="929"/>
      <c r="CI78" s="930"/>
      <c r="CJ78" s="930"/>
      <c r="CK78" s="930"/>
      <c r="CL78" s="931"/>
      <c r="CM78" s="929"/>
      <c r="CN78" s="930"/>
      <c r="CO78" s="930"/>
      <c r="CP78" s="930"/>
      <c r="CQ78" s="931"/>
      <c r="CR78" s="929"/>
      <c r="CS78" s="930"/>
      <c r="CT78" s="930"/>
      <c r="CU78" s="930"/>
      <c r="CV78" s="931"/>
      <c r="CW78" s="929"/>
      <c r="CX78" s="930"/>
      <c r="CY78" s="930"/>
      <c r="CZ78" s="930"/>
      <c r="DA78" s="931"/>
      <c r="DB78" s="929"/>
      <c r="DC78" s="930"/>
      <c r="DD78" s="930"/>
      <c r="DE78" s="930"/>
      <c r="DF78" s="931"/>
      <c r="DG78" s="929"/>
      <c r="DH78" s="930"/>
      <c r="DI78" s="930"/>
      <c r="DJ78" s="930"/>
      <c r="DK78" s="931"/>
      <c r="DL78" s="929"/>
      <c r="DM78" s="930"/>
      <c r="DN78" s="930"/>
      <c r="DO78" s="930"/>
      <c r="DP78" s="931"/>
      <c r="DQ78" s="929"/>
      <c r="DR78" s="930"/>
      <c r="DS78" s="930"/>
      <c r="DT78" s="930"/>
      <c r="DU78" s="931"/>
      <c r="DV78" s="926"/>
      <c r="DW78" s="927"/>
      <c r="DX78" s="927"/>
      <c r="DY78" s="927"/>
      <c r="DZ78" s="928"/>
      <c r="EA78" s="226"/>
    </row>
    <row r="79" spans="1:131" ht="26.25" customHeight="1" x14ac:dyDescent="0.2">
      <c r="A79" s="234">
        <v>12</v>
      </c>
      <c r="B79" s="940"/>
      <c r="C79" s="941"/>
      <c r="D79" s="941"/>
      <c r="E79" s="941"/>
      <c r="F79" s="941"/>
      <c r="G79" s="941"/>
      <c r="H79" s="941"/>
      <c r="I79" s="941"/>
      <c r="J79" s="941"/>
      <c r="K79" s="941"/>
      <c r="L79" s="941"/>
      <c r="M79" s="941"/>
      <c r="N79" s="941"/>
      <c r="O79" s="941"/>
      <c r="P79" s="942"/>
      <c r="Q79" s="943"/>
      <c r="R79" s="897"/>
      <c r="S79" s="897"/>
      <c r="T79" s="897"/>
      <c r="U79" s="897"/>
      <c r="V79" s="897"/>
      <c r="W79" s="897"/>
      <c r="X79" s="897"/>
      <c r="Y79" s="897"/>
      <c r="Z79" s="897"/>
      <c r="AA79" s="897"/>
      <c r="AB79" s="897"/>
      <c r="AC79" s="897"/>
      <c r="AD79" s="897"/>
      <c r="AE79" s="897"/>
      <c r="AF79" s="897"/>
      <c r="AG79" s="897"/>
      <c r="AH79" s="897"/>
      <c r="AI79" s="897"/>
      <c r="AJ79" s="897"/>
      <c r="AK79" s="897"/>
      <c r="AL79" s="897"/>
      <c r="AM79" s="897"/>
      <c r="AN79" s="897"/>
      <c r="AO79" s="897"/>
      <c r="AP79" s="897"/>
      <c r="AQ79" s="897"/>
      <c r="AR79" s="897"/>
      <c r="AS79" s="897"/>
      <c r="AT79" s="897"/>
      <c r="AU79" s="897"/>
      <c r="AV79" s="897"/>
      <c r="AW79" s="897"/>
      <c r="AX79" s="897"/>
      <c r="AY79" s="897"/>
      <c r="AZ79" s="899"/>
      <c r="BA79" s="899"/>
      <c r="BB79" s="899"/>
      <c r="BC79" s="899"/>
      <c r="BD79" s="900"/>
      <c r="BE79" s="237"/>
      <c r="BF79" s="237"/>
      <c r="BG79" s="237"/>
      <c r="BH79" s="237"/>
      <c r="BI79" s="237"/>
      <c r="BJ79" s="226"/>
      <c r="BK79" s="226"/>
      <c r="BL79" s="226"/>
      <c r="BM79" s="226"/>
      <c r="BN79" s="226"/>
      <c r="BO79" s="237"/>
      <c r="BP79" s="237"/>
      <c r="BQ79" s="234">
        <v>73</v>
      </c>
      <c r="BR79" s="239"/>
      <c r="BS79" s="926"/>
      <c r="BT79" s="927"/>
      <c r="BU79" s="927"/>
      <c r="BV79" s="927"/>
      <c r="BW79" s="927"/>
      <c r="BX79" s="927"/>
      <c r="BY79" s="927"/>
      <c r="BZ79" s="927"/>
      <c r="CA79" s="927"/>
      <c r="CB79" s="927"/>
      <c r="CC79" s="927"/>
      <c r="CD79" s="927"/>
      <c r="CE79" s="927"/>
      <c r="CF79" s="927"/>
      <c r="CG79" s="932"/>
      <c r="CH79" s="929"/>
      <c r="CI79" s="930"/>
      <c r="CJ79" s="930"/>
      <c r="CK79" s="930"/>
      <c r="CL79" s="931"/>
      <c r="CM79" s="929"/>
      <c r="CN79" s="930"/>
      <c r="CO79" s="930"/>
      <c r="CP79" s="930"/>
      <c r="CQ79" s="931"/>
      <c r="CR79" s="929"/>
      <c r="CS79" s="930"/>
      <c r="CT79" s="930"/>
      <c r="CU79" s="930"/>
      <c r="CV79" s="931"/>
      <c r="CW79" s="929"/>
      <c r="CX79" s="930"/>
      <c r="CY79" s="930"/>
      <c r="CZ79" s="930"/>
      <c r="DA79" s="931"/>
      <c r="DB79" s="929"/>
      <c r="DC79" s="930"/>
      <c r="DD79" s="930"/>
      <c r="DE79" s="930"/>
      <c r="DF79" s="931"/>
      <c r="DG79" s="929"/>
      <c r="DH79" s="930"/>
      <c r="DI79" s="930"/>
      <c r="DJ79" s="930"/>
      <c r="DK79" s="931"/>
      <c r="DL79" s="929"/>
      <c r="DM79" s="930"/>
      <c r="DN79" s="930"/>
      <c r="DO79" s="930"/>
      <c r="DP79" s="931"/>
      <c r="DQ79" s="929"/>
      <c r="DR79" s="930"/>
      <c r="DS79" s="930"/>
      <c r="DT79" s="930"/>
      <c r="DU79" s="931"/>
      <c r="DV79" s="926"/>
      <c r="DW79" s="927"/>
      <c r="DX79" s="927"/>
      <c r="DY79" s="927"/>
      <c r="DZ79" s="928"/>
      <c r="EA79" s="226"/>
    </row>
    <row r="80" spans="1:131" ht="26.25" customHeight="1" x14ac:dyDescent="0.2">
      <c r="A80" s="234">
        <v>13</v>
      </c>
      <c r="B80" s="940"/>
      <c r="C80" s="941"/>
      <c r="D80" s="941"/>
      <c r="E80" s="941"/>
      <c r="F80" s="941"/>
      <c r="G80" s="941"/>
      <c r="H80" s="941"/>
      <c r="I80" s="941"/>
      <c r="J80" s="941"/>
      <c r="K80" s="941"/>
      <c r="L80" s="941"/>
      <c r="M80" s="941"/>
      <c r="N80" s="941"/>
      <c r="O80" s="941"/>
      <c r="P80" s="942"/>
      <c r="Q80" s="943"/>
      <c r="R80" s="897"/>
      <c r="S80" s="897"/>
      <c r="T80" s="897"/>
      <c r="U80" s="897"/>
      <c r="V80" s="897"/>
      <c r="W80" s="897"/>
      <c r="X80" s="897"/>
      <c r="Y80" s="897"/>
      <c r="Z80" s="897"/>
      <c r="AA80" s="897"/>
      <c r="AB80" s="897"/>
      <c r="AC80" s="897"/>
      <c r="AD80" s="897"/>
      <c r="AE80" s="897"/>
      <c r="AF80" s="897"/>
      <c r="AG80" s="897"/>
      <c r="AH80" s="897"/>
      <c r="AI80" s="897"/>
      <c r="AJ80" s="897"/>
      <c r="AK80" s="897"/>
      <c r="AL80" s="897"/>
      <c r="AM80" s="897"/>
      <c r="AN80" s="897"/>
      <c r="AO80" s="897"/>
      <c r="AP80" s="897"/>
      <c r="AQ80" s="897"/>
      <c r="AR80" s="897"/>
      <c r="AS80" s="897"/>
      <c r="AT80" s="897"/>
      <c r="AU80" s="897"/>
      <c r="AV80" s="897"/>
      <c r="AW80" s="897"/>
      <c r="AX80" s="897"/>
      <c r="AY80" s="897"/>
      <c r="AZ80" s="899"/>
      <c r="BA80" s="899"/>
      <c r="BB80" s="899"/>
      <c r="BC80" s="899"/>
      <c r="BD80" s="900"/>
      <c r="BE80" s="237"/>
      <c r="BF80" s="237"/>
      <c r="BG80" s="237"/>
      <c r="BH80" s="237"/>
      <c r="BI80" s="237"/>
      <c r="BJ80" s="237"/>
      <c r="BK80" s="237"/>
      <c r="BL80" s="237"/>
      <c r="BM80" s="237"/>
      <c r="BN80" s="237"/>
      <c r="BO80" s="237"/>
      <c r="BP80" s="237"/>
      <c r="BQ80" s="234">
        <v>74</v>
      </c>
      <c r="BR80" s="239"/>
      <c r="BS80" s="926"/>
      <c r="BT80" s="927"/>
      <c r="BU80" s="927"/>
      <c r="BV80" s="927"/>
      <c r="BW80" s="927"/>
      <c r="BX80" s="927"/>
      <c r="BY80" s="927"/>
      <c r="BZ80" s="927"/>
      <c r="CA80" s="927"/>
      <c r="CB80" s="927"/>
      <c r="CC80" s="927"/>
      <c r="CD80" s="927"/>
      <c r="CE80" s="927"/>
      <c r="CF80" s="927"/>
      <c r="CG80" s="932"/>
      <c r="CH80" s="929"/>
      <c r="CI80" s="930"/>
      <c r="CJ80" s="930"/>
      <c r="CK80" s="930"/>
      <c r="CL80" s="931"/>
      <c r="CM80" s="929"/>
      <c r="CN80" s="930"/>
      <c r="CO80" s="930"/>
      <c r="CP80" s="930"/>
      <c r="CQ80" s="931"/>
      <c r="CR80" s="929"/>
      <c r="CS80" s="930"/>
      <c r="CT80" s="930"/>
      <c r="CU80" s="930"/>
      <c r="CV80" s="931"/>
      <c r="CW80" s="929"/>
      <c r="CX80" s="930"/>
      <c r="CY80" s="930"/>
      <c r="CZ80" s="930"/>
      <c r="DA80" s="931"/>
      <c r="DB80" s="929"/>
      <c r="DC80" s="930"/>
      <c r="DD80" s="930"/>
      <c r="DE80" s="930"/>
      <c r="DF80" s="931"/>
      <c r="DG80" s="929"/>
      <c r="DH80" s="930"/>
      <c r="DI80" s="930"/>
      <c r="DJ80" s="930"/>
      <c r="DK80" s="931"/>
      <c r="DL80" s="929"/>
      <c r="DM80" s="930"/>
      <c r="DN80" s="930"/>
      <c r="DO80" s="930"/>
      <c r="DP80" s="931"/>
      <c r="DQ80" s="929"/>
      <c r="DR80" s="930"/>
      <c r="DS80" s="930"/>
      <c r="DT80" s="930"/>
      <c r="DU80" s="931"/>
      <c r="DV80" s="926"/>
      <c r="DW80" s="927"/>
      <c r="DX80" s="927"/>
      <c r="DY80" s="927"/>
      <c r="DZ80" s="928"/>
      <c r="EA80" s="226"/>
    </row>
    <row r="81" spans="1:131" ht="26.25" customHeight="1" x14ac:dyDescent="0.2">
      <c r="A81" s="234">
        <v>14</v>
      </c>
      <c r="B81" s="940"/>
      <c r="C81" s="941"/>
      <c r="D81" s="941"/>
      <c r="E81" s="941"/>
      <c r="F81" s="941"/>
      <c r="G81" s="941"/>
      <c r="H81" s="941"/>
      <c r="I81" s="941"/>
      <c r="J81" s="941"/>
      <c r="K81" s="941"/>
      <c r="L81" s="941"/>
      <c r="M81" s="941"/>
      <c r="N81" s="941"/>
      <c r="O81" s="941"/>
      <c r="P81" s="942"/>
      <c r="Q81" s="943"/>
      <c r="R81" s="897"/>
      <c r="S81" s="897"/>
      <c r="T81" s="897"/>
      <c r="U81" s="897"/>
      <c r="V81" s="897"/>
      <c r="W81" s="897"/>
      <c r="X81" s="897"/>
      <c r="Y81" s="897"/>
      <c r="Z81" s="897"/>
      <c r="AA81" s="897"/>
      <c r="AB81" s="897"/>
      <c r="AC81" s="897"/>
      <c r="AD81" s="897"/>
      <c r="AE81" s="897"/>
      <c r="AF81" s="897"/>
      <c r="AG81" s="897"/>
      <c r="AH81" s="897"/>
      <c r="AI81" s="897"/>
      <c r="AJ81" s="897"/>
      <c r="AK81" s="897"/>
      <c r="AL81" s="897"/>
      <c r="AM81" s="897"/>
      <c r="AN81" s="897"/>
      <c r="AO81" s="897"/>
      <c r="AP81" s="897"/>
      <c r="AQ81" s="897"/>
      <c r="AR81" s="897"/>
      <c r="AS81" s="897"/>
      <c r="AT81" s="897"/>
      <c r="AU81" s="897"/>
      <c r="AV81" s="897"/>
      <c r="AW81" s="897"/>
      <c r="AX81" s="897"/>
      <c r="AY81" s="897"/>
      <c r="AZ81" s="899"/>
      <c r="BA81" s="899"/>
      <c r="BB81" s="899"/>
      <c r="BC81" s="899"/>
      <c r="BD81" s="900"/>
      <c r="BE81" s="237"/>
      <c r="BF81" s="237"/>
      <c r="BG81" s="237"/>
      <c r="BH81" s="237"/>
      <c r="BI81" s="237"/>
      <c r="BJ81" s="237"/>
      <c r="BK81" s="237"/>
      <c r="BL81" s="237"/>
      <c r="BM81" s="237"/>
      <c r="BN81" s="237"/>
      <c r="BO81" s="237"/>
      <c r="BP81" s="237"/>
      <c r="BQ81" s="234">
        <v>75</v>
      </c>
      <c r="BR81" s="239"/>
      <c r="BS81" s="926"/>
      <c r="BT81" s="927"/>
      <c r="BU81" s="927"/>
      <c r="BV81" s="927"/>
      <c r="BW81" s="927"/>
      <c r="BX81" s="927"/>
      <c r="BY81" s="927"/>
      <c r="BZ81" s="927"/>
      <c r="CA81" s="927"/>
      <c r="CB81" s="927"/>
      <c r="CC81" s="927"/>
      <c r="CD81" s="927"/>
      <c r="CE81" s="927"/>
      <c r="CF81" s="927"/>
      <c r="CG81" s="932"/>
      <c r="CH81" s="929"/>
      <c r="CI81" s="930"/>
      <c r="CJ81" s="930"/>
      <c r="CK81" s="930"/>
      <c r="CL81" s="931"/>
      <c r="CM81" s="929"/>
      <c r="CN81" s="930"/>
      <c r="CO81" s="930"/>
      <c r="CP81" s="930"/>
      <c r="CQ81" s="931"/>
      <c r="CR81" s="929"/>
      <c r="CS81" s="930"/>
      <c r="CT81" s="930"/>
      <c r="CU81" s="930"/>
      <c r="CV81" s="931"/>
      <c r="CW81" s="929"/>
      <c r="CX81" s="930"/>
      <c r="CY81" s="930"/>
      <c r="CZ81" s="930"/>
      <c r="DA81" s="931"/>
      <c r="DB81" s="929"/>
      <c r="DC81" s="930"/>
      <c r="DD81" s="930"/>
      <c r="DE81" s="930"/>
      <c r="DF81" s="931"/>
      <c r="DG81" s="929"/>
      <c r="DH81" s="930"/>
      <c r="DI81" s="930"/>
      <c r="DJ81" s="930"/>
      <c r="DK81" s="931"/>
      <c r="DL81" s="929"/>
      <c r="DM81" s="930"/>
      <c r="DN81" s="930"/>
      <c r="DO81" s="930"/>
      <c r="DP81" s="931"/>
      <c r="DQ81" s="929"/>
      <c r="DR81" s="930"/>
      <c r="DS81" s="930"/>
      <c r="DT81" s="930"/>
      <c r="DU81" s="931"/>
      <c r="DV81" s="926"/>
      <c r="DW81" s="927"/>
      <c r="DX81" s="927"/>
      <c r="DY81" s="927"/>
      <c r="DZ81" s="928"/>
      <c r="EA81" s="226"/>
    </row>
    <row r="82" spans="1:131" ht="26.25" customHeight="1" x14ac:dyDescent="0.2">
      <c r="A82" s="234">
        <v>15</v>
      </c>
      <c r="B82" s="940"/>
      <c r="C82" s="941"/>
      <c r="D82" s="941"/>
      <c r="E82" s="941"/>
      <c r="F82" s="941"/>
      <c r="G82" s="941"/>
      <c r="H82" s="941"/>
      <c r="I82" s="941"/>
      <c r="J82" s="941"/>
      <c r="K82" s="941"/>
      <c r="L82" s="941"/>
      <c r="M82" s="941"/>
      <c r="N82" s="941"/>
      <c r="O82" s="941"/>
      <c r="P82" s="942"/>
      <c r="Q82" s="943"/>
      <c r="R82" s="897"/>
      <c r="S82" s="897"/>
      <c r="T82" s="897"/>
      <c r="U82" s="897"/>
      <c r="V82" s="897"/>
      <c r="W82" s="897"/>
      <c r="X82" s="897"/>
      <c r="Y82" s="897"/>
      <c r="Z82" s="897"/>
      <c r="AA82" s="897"/>
      <c r="AB82" s="897"/>
      <c r="AC82" s="897"/>
      <c r="AD82" s="897"/>
      <c r="AE82" s="897"/>
      <c r="AF82" s="897"/>
      <c r="AG82" s="897"/>
      <c r="AH82" s="897"/>
      <c r="AI82" s="897"/>
      <c r="AJ82" s="897"/>
      <c r="AK82" s="897"/>
      <c r="AL82" s="897"/>
      <c r="AM82" s="897"/>
      <c r="AN82" s="897"/>
      <c r="AO82" s="897"/>
      <c r="AP82" s="897"/>
      <c r="AQ82" s="897"/>
      <c r="AR82" s="897"/>
      <c r="AS82" s="897"/>
      <c r="AT82" s="897"/>
      <c r="AU82" s="897"/>
      <c r="AV82" s="897"/>
      <c r="AW82" s="897"/>
      <c r="AX82" s="897"/>
      <c r="AY82" s="897"/>
      <c r="AZ82" s="899"/>
      <c r="BA82" s="899"/>
      <c r="BB82" s="899"/>
      <c r="BC82" s="899"/>
      <c r="BD82" s="900"/>
      <c r="BE82" s="237"/>
      <c r="BF82" s="237"/>
      <c r="BG82" s="237"/>
      <c r="BH82" s="237"/>
      <c r="BI82" s="237"/>
      <c r="BJ82" s="237"/>
      <c r="BK82" s="237"/>
      <c r="BL82" s="237"/>
      <c r="BM82" s="237"/>
      <c r="BN82" s="237"/>
      <c r="BO82" s="237"/>
      <c r="BP82" s="237"/>
      <c r="BQ82" s="234">
        <v>76</v>
      </c>
      <c r="BR82" s="239"/>
      <c r="BS82" s="926"/>
      <c r="BT82" s="927"/>
      <c r="BU82" s="927"/>
      <c r="BV82" s="927"/>
      <c r="BW82" s="927"/>
      <c r="BX82" s="927"/>
      <c r="BY82" s="927"/>
      <c r="BZ82" s="927"/>
      <c r="CA82" s="927"/>
      <c r="CB82" s="927"/>
      <c r="CC82" s="927"/>
      <c r="CD82" s="927"/>
      <c r="CE82" s="927"/>
      <c r="CF82" s="927"/>
      <c r="CG82" s="932"/>
      <c r="CH82" s="929"/>
      <c r="CI82" s="930"/>
      <c r="CJ82" s="930"/>
      <c r="CK82" s="930"/>
      <c r="CL82" s="931"/>
      <c r="CM82" s="929"/>
      <c r="CN82" s="930"/>
      <c r="CO82" s="930"/>
      <c r="CP82" s="930"/>
      <c r="CQ82" s="931"/>
      <c r="CR82" s="929"/>
      <c r="CS82" s="930"/>
      <c r="CT82" s="930"/>
      <c r="CU82" s="930"/>
      <c r="CV82" s="931"/>
      <c r="CW82" s="929"/>
      <c r="CX82" s="930"/>
      <c r="CY82" s="930"/>
      <c r="CZ82" s="930"/>
      <c r="DA82" s="931"/>
      <c r="DB82" s="929"/>
      <c r="DC82" s="930"/>
      <c r="DD82" s="930"/>
      <c r="DE82" s="930"/>
      <c r="DF82" s="931"/>
      <c r="DG82" s="929"/>
      <c r="DH82" s="930"/>
      <c r="DI82" s="930"/>
      <c r="DJ82" s="930"/>
      <c r="DK82" s="931"/>
      <c r="DL82" s="929"/>
      <c r="DM82" s="930"/>
      <c r="DN82" s="930"/>
      <c r="DO82" s="930"/>
      <c r="DP82" s="931"/>
      <c r="DQ82" s="929"/>
      <c r="DR82" s="930"/>
      <c r="DS82" s="930"/>
      <c r="DT82" s="930"/>
      <c r="DU82" s="931"/>
      <c r="DV82" s="926"/>
      <c r="DW82" s="927"/>
      <c r="DX82" s="927"/>
      <c r="DY82" s="927"/>
      <c r="DZ82" s="928"/>
      <c r="EA82" s="226"/>
    </row>
    <row r="83" spans="1:131" ht="26.25" customHeight="1" x14ac:dyDescent="0.2">
      <c r="A83" s="234">
        <v>16</v>
      </c>
      <c r="B83" s="940"/>
      <c r="C83" s="941"/>
      <c r="D83" s="941"/>
      <c r="E83" s="941"/>
      <c r="F83" s="941"/>
      <c r="G83" s="941"/>
      <c r="H83" s="941"/>
      <c r="I83" s="941"/>
      <c r="J83" s="941"/>
      <c r="K83" s="941"/>
      <c r="L83" s="941"/>
      <c r="M83" s="941"/>
      <c r="N83" s="941"/>
      <c r="O83" s="941"/>
      <c r="P83" s="942"/>
      <c r="Q83" s="943"/>
      <c r="R83" s="897"/>
      <c r="S83" s="897"/>
      <c r="T83" s="897"/>
      <c r="U83" s="897"/>
      <c r="V83" s="897"/>
      <c r="W83" s="897"/>
      <c r="X83" s="897"/>
      <c r="Y83" s="897"/>
      <c r="Z83" s="897"/>
      <c r="AA83" s="897"/>
      <c r="AB83" s="897"/>
      <c r="AC83" s="897"/>
      <c r="AD83" s="897"/>
      <c r="AE83" s="897"/>
      <c r="AF83" s="897"/>
      <c r="AG83" s="897"/>
      <c r="AH83" s="897"/>
      <c r="AI83" s="897"/>
      <c r="AJ83" s="897"/>
      <c r="AK83" s="897"/>
      <c r="AL83" s="897"/>
      <c r="AM83" s="897"/>
      <c r="AN83" s="897"/>
      <c r="AO83" s="897"/>
      <c r="AP83" s="897"/>
      <c r="AQ83" s="897"/>
      <c r="AR83" s="897"/>
      <c r="AS83" s="897"/>
      <c r="AT83" s="897"/>
      <c r="AU83" s="897"/>
      <c r="AV83" s="897"/>
      <c r="AW83" s="897"/>
      <c r="AX83" s="897"/>
      <c r="AY83" s="897"/>
      <c r="AZ83" s="899"/>
      <c r="BA83" s="899"/>
      <c r="BB83" s="899"/>
      <c r="BC83" s="899"/>
      <c r="BD83" s="900"/>
      <c r="BE83" s="237"/>
      <c r="BF83" s="237"/>
      <c r="BG83" s="237"/>
      <c r="BH83" s="237"/>
      <c r="BI83" s="237"/>
      <c r="BJ83" s="237"/>
      <c r="BK83" s="237"/>
      <c r="BL83" s="237"/>
      <c r="BM83" s="237"/>
      <c r="BN83" s="237"/>
      <c r="BO83" s="237"/>
      <c r="BP83" s="237"/>
      <c r="BQ83" s="234">
        <v>77</v>
      </c>
      <c r="BR83" s="239"/>
      <c r="BS83" s="926"/>
      <c r="BT83" s="927"/>
      <c r="BU83" s="927"/>
      <c r="BV83" s="927"/>
      <c r="BW83" s="927"/>
      <c r="BX83" s="927"/>
      <c r="BY83" s="927"/>
      <c r="BZ83" s="927"/>
      <c r="CA83" s="927"/>
      <c r="CB83" s="927"/>
      <c r="CC83" s="927"/>
      <c r="CD83" s="927"/>
      <c r="CE83" s="927"/>
      <c r="CF83" s="927"/>
      <c r="CG83" s="932"/>
      <c r="CH83" s="929"/>
      <c r="CI83" s="930"/>
      <c r="CJ83" s="930"/>
      <c r="CK83" s="930"/>
      <c r="CL83" s="931"/>
      <c r="CM83" s="929"/>
      <c r="CN83" s="930"/>
      <c r="CO83" s="930"/>
      <c r="CP83" s="930"/>
      <c r="CQ83" s="931"/>
      <c r="CR83" s="929"/>
      <c r="CS83" s="930"/>
      <c r="CT83" s="930"/>
      <c r="CU83" s="930"/>
      <c r="CV83" s="931"/>
      <c r="CW83" s="929"/>
      <c r="CX83" s="930"/>
      <c r="CY83" s="930"/>
      <c r="CZ83" s="930"/>
      <c r="DA83" s="931"/>
      <c r="DB83" s="929"/>
      <c r="DC83" s="930"/>
      <c r="DD83" s="930"/>
      <c r="DE83" s="930"/>
      <c r="DF83" s="931"/>
      <c r="DG83" s="929"/>
      <c r="DH83" s="930"/>
      <c r="DI83" s="930"/>
      <c r="DJ83" s="930"/>
      <c r="DK83" s="931"/>
      <c r="DL83" s="929"/>
      <c r="DM83" s="930"/>
      <c r="DN83" s="930"/>
      <c r="DO83" s="930"/>
      <c r="DP83" s="931"/>
      <c r="DQ83" s="929"/>
      <c r="DR83" s="930"/>
      <c r="DS83" s="930"/>
      <c r="DT83" s="930"/>
      <c r="DU83" s="931"/>
      <c r="DV83" s="926"/>
      <c r="DW83" s="927"/>
      <c r="DX83" s="927"/>
      <c r="DY83" s="927"/>
      <c r="DZ83" s="928"/>
      <c r="EA83" s="226"/>
    </row>
    <row r="84" spans="1:131" ht="26.25" customHeight="1" x14ac:dyDescent="0.2">
      <c r="A84" s="234">
        <v>17</v>
      </c>
      <c r="B84" s="940"/>
      <c r="C84" s="941"/>
      <c r="D84" s="941"/>
      <c r="E84" s="941"/>
      <c r="F84" s="941"/>
      <c r="G84" s="941"/>
      <c r="H84" s="941"/>
      <c r="I84" s="941"/>
      <c r="J84" s="941"/>
      <c r="K84" s="941"/>
      <c r="L84" s="941"/>
      <c r="M84" s="941"/>
      <c r="N84" s="941"/>
      <c r="O84" s="941"/>
      <c r="P84" s="942"/>
      <c r="Q84" s="943"/>
      <c r="R84" s="897"/>
      <c r="S84" s="897"/>
      <c r="T84" s="897"/>
      <c r="U84" s="897"/>
      <c r="V84" s="897"/>
      <c r="W84" s="897"/>
      <c r="X84" s="897"/>
      <c r="Y84" s="897"/>
      <c r="Z84" s="897"/>
      <c r="AA84" s="897"/>
      <c r="AB84" s="897"/>
      <c r="AC84" s="897"/>
      <c r="AD84" s="897"/>
      <c r="AE84" s="897"/>
      <c r="AF84" s="897"/>
      <c r="AG84" s="897"/>
      <c r="AH84" s="897"/>
      <c r="AI84" s="897"/>
      <c r="AJ84" s="897"/>
      <c r="AK84" s="897"/>
      <c r="AL84" s="897"/>
      <c r="AM84" s="897"/>
      <c r="AN84" s="897"/>
      <c r="AO84" s="897"/>
      <c r="AP84" s="897"/>
      <c r="AQ84" s="897"/>
      <c r="AR84" s="897"/>
      <c r="AS84" s="897"/>
      <c r="AT84" s="897"/>
      <c r="AU84" s="897"/>
      <c r="AV84" s="897"/>
      <c r="AW84" s="897"/>
      <c r="AX84" s="897"/>
      <c r="AY84" s="897"/>
      <c r="AZ84" s="899"/>
      <c r="BA84" s="899"/>
      <c r="BB84" s="899"/>
      <c r="BC84" s="899"/>
      <c r="BD84" s="900"/>
      <c r="BE84" s="237"/>
      <c r="BF84" s="237"/>
      <c r="BG84" s="237"/>
      <c r="BH84" s="237"/>
      <c r="BI84" s="237"/>
      <c r="BJ84" s="237"/>
      <c r="BK84" s="237"/>
      <c r="BL84" s="237"/>
      <c r="BM84" s="237"/>
      <c r="BN84" s="237"/>
      <c r="BO84" s="237"/>
      <c r="BP84" s="237"/>
      <c r="BQ84" s="234">
        <v>78</v>
      </c>
      <c r="BR84" s="239"/>
      <c r="BS84" s="926"/>
      <c r="BT84" s="927"/>
      <c r="BU84" s="927"/>
      <c r="BV84" s="927"/>
      <c r="BW84" s="927"/>
      <c r="BX84" s="927"/>
      <c r="BY84" s="927"/>
      <c r="BZ84" s="927"/>
      <c r="CA84" s="927"/>
      <c r="CB84" s="927"/>
      <c r="CC84" s="927"/>
      <c r="CD84" s="927"/>
      <c r="CE84" s="927"/>
      <c r="CF84" s="927"/>
      <c r="CG84" s="932"/>
      <c r="CH84" s="929"/>
      <c r="CI84" s="930"/>
      <c r="CJ84" s="930"/>
      <c r="CK84" s="930"/>
      <c r="CL84" s="931"/>
      <c r="CM84" s="929"/>
      <c r="CN84" s="930"/>
      <c r="CO84" s="930"/>
      <c r="CP84" s="930"/>
      <c r="CQ84" s="931"/>
      <c r="CR84" s="929"/>
      <c r="CS84" s="930"/>
      <c r="CT84" s="930"/>
      <c r="CU84" s="930"/>
      <c r="CV84" s="931"/>
      <c r="CW84" s="929"/>
      <c r="CX84" s="930"/>
      <c r="CY84" s="930"/>
      <c r="CZ84" s="930"/>
      <c r="DA84" s="931"/>
      <c r="DB84" s="929"/>
      <c r="DC84" s="930"/>
      <c r="DD84" s="930"/>
      <c r="DE84" s="930"/>
      <c r="DF84" s="931"/>
      <c r="DG84" s="929"/>
      <c r="DH84" s="930"/>
      <c r="DI84" s="930"/>
      <c r="DJ84" s="930"/>
      <c r="DK84" s="931"/>
      <c r="DL84" s="929"/>
      <c r="DM84" s="930"/>
      <c r="DN84" s="930"/>
      <c r="DO84" s="930"/>
      <c r="DP84" s="931"/>
      <c r="DQ84" s="929"/>
      <c r="DR84" s="930"/>
      <c r="DS84" s="930"/>
      <c r="DT84" s="930"/>
      <c r="DU84" s="931"/>
      <c r="DV84" s="926"/>
      <c r="DW84" s="927"/>
      <c r="DX84" s="927"/>
      <c r="DY84" s="927"/>
      <c r="DZ84" s="928"/>
      <c r="EA84" s="226"/>
    </row>
    <row r="85" spans="1:131" ht="26.25" customHeight="1" x14ac:dyDescent="0.2">
      <c r="A85" s="234">
        <v>18</v>
      </c>
      <c r="B85" s="940"/>
      <c r="C85" s="941"/>
      <c r="D85" s="941"/>
      <c r="E85" s="941"/>
      <c r="F85" s="941"/>
      <c r="G85" s="941"/>
      <c r="H85" s="941"/>
      <c r="I85" s="941"/>
      <c r="J85" s="941"/>
      <c r="K85" s="941"/>
      <c r="L85" s="941"/>
      <c r="M85" s="941"/>
      <c r="N85" s="941"/>
      <c r="O85" s="941"/>
      <c r="P85" s="942"/>
      <c r="Q85" s="943"/>
      <c r="R85" s="897"/>
      <c r="S85" s="897"/>
      <c r="T85" s="897"/>
      <c r="U85" s="897"/>
      <c r="V85" s="897"/>
      <c r="W85" s="897"/>
      <c r="X85" s="897"/>
      <c r="Y85" s="897"/>
      <c r="Z85" s="897"/>
      <c r="AA85" s="897"/>
      <c r="AB85" s="897"/>
      <c r="AC85" s="897"/>
      <c r="AD85" s="897"/>
      <c r="AE85" s="897"/>
      <c r="AF85" s="897"/>
      <c r="AG85" s="897"/>
      <c r="AH85" s="897"/>
      <c r="AI85" s="897"/>
      <c r="AJ85" s="897"/>
      <c r="AK85" s="897"/>
      <c r="AL85" s="897"/>
      <c r="AM85" s="897"/>
      <c r="AN85" s="897"/>
      <c r="AO85" s="897"/>
      <c r="AP85" s="897"/>
      <c r="AQ85" s="897"/>
      <c r="AR85" s="897"/>
      <c r="AS85" s="897"/>
      <c r="AT85" s="897"/>
      <c r="AU85" s="897"/>
      <c r="AV85" s="897"/>
      <c r="AW85" s="897"/>
      <c r="AX85" s="897"/>
      <c r="AY85" s="897"/>
      <c r="AZ85" s="899"/>
      <c r="BA85" s="899"/>
      <c r="BB85" s="899"/>
      <c r="BC85" s="899"/>
      <c r="BD85" s="900"/>
      <c r="BE85" s="237"/>
      <c r="BF85" s="237"/>
      <c r="BG85" s="237"/>
      <c r="BH85" s="237"/>
      <c r="BI85" s="237"/>
      <c r="BJ85" s="237"/>
      <c r="BK85" s="237"/>
      <c r="BL85" s="237"/>
      <c r="BM85" s="237"/>
      <c r="BN85" s="237"/>
      <c r="BO85" s="237"/>
      <c r="BP85" s="237"/>
      <c r="BQ85" s="234">
        <v>79</v>
      </c>
      <c r="BR85" s="239"/>
      <c r="BS85" s="926"/>
      <c r="BT85" s="927"/>
      <c r="BU85" s="927"/>
      <c r="BV85" s="927"/>
      <c r="BW85" s="927"/>
      <c r="BX85" s="927"/>
      <c r="BY85" s="927"/>
      <c r="BZ85" s="927"/>
      <c r="CA85" s="927"/>
      <c r="CB85" s="927"/>
      <c r="CC85" s="927"/>
      <c r="CD85" s="927"/>
      <c r="CE85" s="927"/>
      <c r="CF85" s="927"/>
      <c r="CG85" s="932"/>
      <c r="CH85" s="929"/>
      <c r="CI85" s="930"/>
      <c r="CJ85" s="930"/>
      <c r="CK85" s="930"/>
      <c r="CL85" s="931"/>
      <c r="CM85" s="929"/>
      <c r="CN85" s="930"/>
      <c r="CO85" s="930"/>
      <c r="CP85" s="930"/>
      <c r="CQ85" s="931"/>
      <c r="CR85" s="929"/>
      <c r="CS85" s="930"/>
      <c r="CT85" s="930"/>
      <c r="CU85" s="930"/>
      <c r="CV85" s="931"/>
      <c r="CW85" s="929"/>
      <c r="CX85" s="930"/>
      <c r="CY85" s="930"/>
      <c r="CZ85" s="930"/>
      <c r="DA85" s="931"/>
      <c r="DB85" s="929"/>
      <c r="DC85" s="930"/>
      <c r="DD85" s="930"/>
      <c r="DE85" s="930"/>
      <c r="DF85" s="931"/>
      <c r="DG85" s="929"/>
      <c r="DH85" s="930"/>
      <c r="DI85" s="930"/>
      <c r="DJ85" s="930"/>
      <c r="DK85" s="931"/>
      <c r="DL85" s="929"/>
      <c r="DM85" s="930"/>
      <c r="DN85" s="930"/>
      <c r="DO85" s="930"/>
      <c r="DP85" s="931"/>
      <c r="DQ85" s="929"/>
      <c r="DR85" s="930"/>
      <c r="DS85" s="930"/>
      <c r="DT85" s="930"/>
      <c r="DU85" s="931"/>
      <c r="DV85" s="926"/>
      <c r="DW85" s="927"/>
      <c r="DX85" s="927"/>
      <c r="DY85" s="927"/>
      <c r="DZ85" s="928"/>
      <c r="EA85" s="226"/>
    </row>
    <row r="86" spans="1:131" ht="26.25" customHeight="1" x14ac:dyDescent="0.2">
      <c r="A86" s="234">
        <v>19</v>
      </c>
      <c r="B86" s="940"/>
      <c r="C86" s="941"/>
      <c r="D86" s="941"/>
      <c r="E86" s="941"/>
      <c r="F86" s="941"/>
      <c r="G86" s="941"/>
      <c r="H86" s="941"/>
      <c r="I86" s="941"/>
      <c r="J86" s="941"/>
      <c r="K86" s="941"/>
      <c r="L86" s="941"/>
      <c r="M86" s="941"/>
      <c r="N86" s="941"/>
      <c r="O86" s="941"/>
      <c r="P86" s="942"/>
      <c r="Q86" s="943"/>
      <c r="R86" s="897"/>
      <c r="S86" s="897"/>
      <c r="T86" s="897"/>
      <c r="U86" s="897"/>
      <c r="V86" s="897"/>
      <c r="W86" s="897"/>
      <c r="X86" s="897"/>
      <c r="Y86" s="897"/>
      <c r="Z86" s="897"/>
      <c r="AA86" s="897"/>
      <c r="AB86" s="897"/>
      <c r="AC86" s="897"/>
      <c r="AD86" s="897"/>
      <c r="AE86" s="897"/>
      <c r="AF86" s="897"/>
      <c r="AG86" s="897"/>
      <c r="AH86" s="897"/>
      <c r="AI86" s="897"/>
      <c r="AJ86" s="897"/>
      <c r="AK86" s="897"/>
      <c r="AL86" s="897"/>
      <c r="AM86" s="897"/>
      <c r="AN86" s="897"/>
      <c r="AO86" s="897"/>
      <c r="AP86" s="897"/>
      <c r="AQ86" s="897"/>
      <c r="AR86" s="897"/>
      <c r="AS86" s="897"/>
      <c r="AT86" s="897"/>
      <c r="AU86" s="897"/>
      <c r="AV86" s="897"/>
      <c r="AW86" s="897"/>
      <c r="AX86" s="897"/>
      <c r="AY86" s="897"/>
      <c r="AZ86" s="899"/>
      <c r="BA86" s="899"/>
      <c r="BB86" s="899"/>
      <c r="BC86" s="899"/>
      <c r="BD86" s="900"/>
      <c r="BE86" s="237"/>
      <c r="BF86" s="237"/>
      <c r="BG86" s="237"/>
      <c r="BH86" s="237"/>
      <c r="BI86" s="237"/>
      <c r="BJ86" s="237"/>
      <c r="BK86" s="237"/>
      <c r="BL86" s="237"/>
      <c r="BM86" s="237"/>
      <c r="BN86" s="237"/>
      <c r="BO86" s="237"/>
      <c r="BP86" s="237"/>
      <c r="BQ86" s="234">
        <v>80</v>
      </c>
      <c r="BR86" s="239"/>
      <c r="BS86" s="926"/>
      <c r="BT86" s="927"/>
      <c r="BU86" s="927"/>
      <c r="BV86" s="927"/>
      <c r="BW86" s="927"/>
      <c r="BX86" s="927"/>
      <c r="BY86" s="927"/>
      <c r="BZ86" s="927"/>
      <c r="CA86" s="927"/>
      <c r="CB86" s="927"/>
      <c r="CC86" s="927"/>
      <c r="CD86" s="927"/>
      <c r="CE86" s="927"/>
      <c r="CF86" s="927"/>
      <c r="CG86" s="932"/>
      <c r="CH86" s="929"/>
      <c r="CI86" s="930"/>
      <c r="CJ86" s="930"/>
      <c r="CK86" s="930"/>
      <c r="CL86" s="931"/>
      <c r="CM86" s="929"/>
      <c r="CN86" s="930"/>
      <c r="CO86" s="930"/>
      <c r="CP86" s="930"/>
      <c r="CQ86" s="931"/>
      <c r="CR86" s="929"/>
      <c r="CS86" s="930"/>
      <c r="CT86" s="930"/>
      <c r="CU86" s="930"/>
      <c r="CV86" s="931"/>
      <c r="CW86" s="929"/>
      <c r="CX86" s="930"/>
      <c r="CY86" s="930"/>
      <c r="CZ86" s="930"/>
      <c r="DA86" s="931"/>
      <c r="DB86" s="929"/>
      <c r="DC86" s="930"/>
      <c r="DD86" s="930"/>
      <c r="DE86" s="930"/>
      <c r="DF86" s="931"/>
      <c r="DG86" s="929"/>
      <c r="DH86" s="930"/>
      <c r="DI86" s="930"/>
      <c r="DJ86" s="930"/>
      <c r="DK86" s="931"/>
      <c r="DL86" s="929"/>
      <c r="DM86" s="930"/>
      <c r="DN86" s="930"/>
      <c r="DO86" s="930"/>
      <c r="DP86" s="931"/>
      <c r="DQ86" s="929"/>
      <c r="DR86" s="930"/>
      <c r="DS86" s="930"/>
      <c r="DT86" s="930"/>
      <c r="DU86" s="931"/>
      <c r="DV86" s="926"/>
      <c r="DW86" s="927"/>
      <c r="DX86" s="927"/>
      <c r="DY86" s="927"/>
      <c r="DZ86" s="928"/>
      <c r="EA86" s="226"/>
    </row>
    <row r="87" spans="1:131" ht="26.25" customHeight="1" x14ac:dyDescent="0.2">
      <c r="A87" s="240">
        <v>20</v>
      </c>
      <c r="B87" s="947"/>
      <c r="C87" s="948"/>
      <c r="D87" s="948"/>
      <c r="E87" s="948"/>
      <c r="F87" s="948"/>
      <c r="G87" s="948"/>
      <c r="H87" s="948"/>
      <c r="I87" s="948"/>
      <c r="J87" s="948"/>
      <c r="K87" s="948"/>
      <c r="L87" s="948"/>
      <c r="M87" s="948"/>
      <c r="N87" s="948"/>
      <c r="O87" s="948"/>
      <c r="P87" s="949"/>
      <c r="Q87" s="950"/>
      <c r="R87" s="951"/>
      <c r="S87" s="951"/>
      <c r="T87" s="951"/>
      <c r="U87" s="951"/>
      <c r="V87" s="951"/>
      <c r="W87" s="951"/>
      <c r="X87" s="951"/>
      <c r="Y87" s="951"/>
      <c r="Z87" s="951"/>
      <c r="AA87" s="951"/>
      <c r="AB87" s="951"/>
      <c r="AC87" s="951"/>
      <c r="AD87" s="951"/>
      <c r="AE87" s="951"/>
      <c r="AF87" s="951"/>
      <c r="AG87" s="951"/>
      <c r="AH87" s="951"/>
      <c r="AI87" s="951"/>
      <c r="AJ87" s="951"/>
      <c r="AK87" s="951"/>
      <c r="AL87" s="951"/>
      <c r="AM87" s="951"/>
      <c r="AN87" s="951"/>
      <c r="AO87" s="951"/>
      <c r="AP87" s="951"/>
      <c r="AQ87" s="951"/>
      <c r="AR87" s="951"/>
      <c r="AS87" s="951"/>
      <c r="AT87" s="951"/>
      <c r="AU87" s="951"/>
      <c r="AV87" s="951"/>
      <c r="AW87" s="951"/>
      <c r="AX87" s="951"/>
      <c r="AY87" s="951"/>
      <c r="AZ87" s="952"/>
      <c r="BA87" s="952"/>
      <c r="BB87" s="952"/>
      <c r="BC87" s="952"/>
      <c r="BD87" s="953"/>
      <c r="BE87" s="237"/>
      <c r="BF87" s="237"/>
      <c r="BG87" s="237"/>
      <c r="BH87" s="237"/>
      <c r="BI87" s="237"/>
      <c r="BJ87" s="237"/>
      <c r="BK87" s="237"/>
      <c r="BL87" s="237"/>
      <c r="BM87" s="237"/>
      <c r="BN87" s="237"/>
      <c r="BO87" s="237"/>
      <c r="BP87" s="237"/>
      <c r="BQ87" s="234">
        <v>81</v>
      </c>
      <c r="BR87" s="239"/>
      <c r="BS87" s="926"/>
      <c r="BT87" s="927"/>
      <c r="BU87" s="927"/>
      <c r="BV87" s="927"/>
      <c r="BW87" s="927"/>
      <c r="BX87" s="927"/>
      <c r="BY87" s="927"/>
      <c r="BZ87" s="927"/>
      <c r="CA87" s="927"/>
      <c r="CB87" s="927"/>
      <c r="CC87" s="927"/>
      <c r="CD87" s="927"/>
      <c r="CE87" s="927"/>
      <c r="CF87" s="927"/>
      <c r="CG87" s="932"/>
      <c r="CH87" s="929"/>
      <c r="CI87" s="930"/>
      <c r="CJ87" s="930"/>
      <c r="CK87" s="930"/>
      <c r="CL87" s="931"/>
      <c r="CM87" s="929"/>
      <c r="CN87" s="930"/>
      <c r="CO87" s="930"/>
      <c r="CP87" s="930"/>
      <c r="CQ87" s="931"/>
      <c r="CR87" s="929"/>
      <c r="CS87" s="930"/>
      <c r="CT87" s="930"/>
      <c r="CU87" s="930"/>
      <c r="CV87" s="931"/>
      <c r="CW87" s="929"/>
      <c r="CX87" s="930"/>
      <c r="CY87" s="930"/>
      <c r="CZ87" s="930"/>
      <c r="DA87" s="931"/>
      <c r="DB87" s="929"/>
      <c r="DC87" s="930"/>
      <c r="DD87" s="930"/>
      <c r="DE87" s="930"/>
      <c r="DF87" s="931"/>
      <c r="DG87" s="929"/>
      <c r="DH87" s="930"/>
      <c r="DI87" s="930"/>
      <c r="DJ87" s="930"/>
      <c r="DK87" s="931"/>
      <c r="DL87" s="929"/>
      <c r="DM87" s="930"/>
      <c r="DN87" s="930"/>
      <c r="DO87" s="930"/>
      <c r="DP87" s="931"/>
      <c r="DQ87" s="929"/>
      <c r="DR87" s="930"/>
      <c r="DS87" s="930"/>
      <c r="DT87" s="930"/>
      <c r="DU87" s="931"/>
      <c r="DV87" s="926"/>
      <c r="DW87" s="927"/>
      <c r="DX87" s="927"/>
      <c r="DY87" s="927"/>
      <c r="DZ87" s="928"/>
      <c r="EA87" s="226"/>
    </row>
    <row r="88" spans="1:131" ht="26.25" customHeight="1" thickBot="1" x14ac:dyDescent="0.25">
      <c r="A88" s="236" t="s">
        <v>394</v>
      </c>
      <c r="B88" s="854" t="s">
        <v>424</v>
      </c>
      <c r="C88" s="855"/>
      <c r="D88" s="855"/>
      <c r="E88" s="855"/>
      <c r="F88" s="855"/>
      <c r="G88" s="855"/>
      <c r="H88" s="855"/>
      <c r="I88" s="855"/>
      <c r="J88" s="855"/>
      <c r="K88" s="855"/>
      <c r="L88" s="855"/>
      <c r="M88" s="855"/>
      <c r="N88" s="855"/>
      <c r="O88" s="855"/>
      <c r="P88" s="856"/>
      <c r="Q88" s="907"/>
      <c r="R88" s="908"/>
      <c r="S88" s="908"/>
      <c r="T88" s="908"/>
      <c r="U88" s="908"/>
      <c r="V88" s="908"/>
      <c r="W88" s="908"/>
      <c r="X88" s="908"/>
      <c r="Y88" s="908"/>
      <c r="Z88" s="908"/>
      <c r="AA88" s="908"/>
      <c r="AB88" s="908"/>
      <c r="AC88" s="908"/>
      <c r="AD88" s="908"/>
      <c r="AE88" s="908"/>
      <c r="AF88" s="911">
        <f>AF68+AF69</f>
        <v>21718</v>
      </c>
      <c r="AG88" s="911"/>
      <c r="AH88" s="911"/>
      <c r="AI88" s="911"/>
      <c r="AJ88" s="911"/>
      <c r="AK88" s="908"/>
      <c r="AL88" s="908"/>
      <c r="AM88" s="908"/>
      <c r="AN88" s="908"/>
      <c r="AO88" s="908"/>
      <c r="AP88" s="911" t="s">
        <v>599</v>
      </c>
      <c r="AQ88" s="911"/>
      <c r="AR88" s="911"/>
      <c r="AS88" s="911"/>
      <c r="AT88" s="911"/>
      <c r="AU88" s="911" t="s">
        <v>599</v>
      </c>
      <c r="AV88" s="911"/>
      <c r="AW88" s="911"/>
      <c r="AX88" s="911"/>
      <c r="AY88" s="911"/>
      <c r="AZ88" s="916"/>
      <c r="BA88" s="916"/>
      <c r="BB88" s="916"/>
      <c r="BC88" s="916"/>
      <c r="BD88" s="917"/>
      <c r="BE88" s="237"/>
      <c r="BF88" s="237"/>
      <c r="BG88" s="237"/>
      <c r="BH88" s="237"/>
      <c r="BI88" s="237"/>
      <c r="BJ88" s="237"/>
      <c r="BK88" s="237"/>
      <c r="BL88" s="237"/>
      <c r="BM88" s="237"/>
      <c r="BN88" s="237"/>
      <c r="BO88" s="237"/>
      <c r="BP88" s="237"/>
      <c r="BQ88" s="234">
        <v>82</v>
      </c>
      <c r="BR88" s="239"/>
      <c r="BS88" s="926"/>
      <c r="BT88" s="927"/>
      <c r="BU88" s="927"/>
      <c r="BV88" s="927"/>
      <c r="BW88" s="927"/>
      <c r="BX88" s="927"/>
      <c r="BY88" s="927"/>
      <c r="BZ88" s="927"/>
      <c r="CA88" s="927"/>
      <c r="CB88" s="927"/>
      <c r="CC88" s="927"/>
      <c r="CD88" s="927"/>
      <c r="CE88" s="927"/>
      <c r="CF88" s="927"/>
      <c r="CG88" s="932"/>
      <c r="CH88" s="929"/>
      <c r="CI88" s="930"/>
      <c r="CJ88" s="930"/>
      <c r="CK88" s="930"/>
      <c r="CL88" s="931"/>
      <c r="CM88" s="929"/>
      <c r="CN88" s="930"/>
      <c r="CO88" s="930"/>
      <c r="CP88" s="930"/>
      <c r="CQ88" s="931"/>
      <c r="CR88" s="929"/>
      <c r="CS88" s="930"/>
      <c r="CT88" s="930"/>
      <c r="CU88" s="930"/>
      <c r="CV88" s="931"/>
      <c r="CW88" s="929"/>
      <c r="CX88" s="930"/>
      <c r="CY88" s="930"/>
      <c r="CZ88" s="930"/>
      <c r="DA88" s="931"/>
      <c r="DB88" s="929"/>
      <c r="DC88" s="930"/>
      <c r="DD88" s="930"/>
      <c r="DE88" s="930"/>
      <c r="DF88" s="931"/>
      <c r="DG88" s="929"/>
      <c r="DH88" s="930"/>
      <c r="DI88" s="930"/>
      <c r="DJ88" s="930"/>
      <c r="DK88" s="931"/>
      <c r="DL88" s="929"/>
      <c r="DM88" s="930"/>
      <c r="DN88" s="930"/>
      <c r="DO88" s="930"/>
      <c r="DP88" s="931"/>
      <c r="DQ88" s="929"/>
      <c r="DR88" s="930"/>
      <c r="DS88" s="930"/>
      <c r="DT88" s="930"/>
      <c r="DU88" s="931"/>
      <c r="DV88" s="926"/>
      <c r="DW88" s="927"/>
      <c r="DX88" s="927"/>
      <c r="DY88" s="927"/>
      <c r="DZ88" s="928"/>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6"/>
      <c r="BT89" s="927"/>
      <c r="BU89" s="927"/>
      <c r="BV89" s="927"/>
      <c r="BW89" s="927"/>
      <c r="BX89" s="927"/>
      <c r="BY89" s="927"/>
      <c r="BZ89" s="927"/>
      <c r="CA89" s="927"/>
      <c r="CB89" s="927"/>
      <c r="CC89" s="927"/>
      <c r="CD89" s="927"/>
      <c r="CE89" s="927"/>
      <c r="CF89" s="927"/>
      <c r="CG89" s="932"/>
      <c r="CH89" s="929"/>
      <c r="CI89" s="930"/>
      <c r="CJ89" s="930"/>
      <c r="CK89" s="930"/>
      <c r="CL89" s="931"/>
      <c r="CM89" s="929"/>
      <c r="CN89" s="930"/>
      <c r="CO89" s="930"/>
      <c r="CP89" s="930"/>
      <c r="CQ89" s="931"/>
      <c r="CR89" s="929"/>
      <c r="CS89" s="930"/>
      <c r="CT89" s="930"/>
      <c r="CU89" s="930"/>
      <c r="CV89" s="931"/>
      <c r="CW89" s="929"/>
      <c r="CX89" s="930"/>
      <c r="CY89" s="930"/>
      <c r="CZ89" s="930"/>
      <c r="DA89" s="931"/>
      <c r="DB89" s="929"/>
      <c r="DC89" s="930"/>
      <c r="DD89" s="930"/>
      <c r="DE89" s="930"/>
      <c r="DF89" s="931"/>
      <c r="DG89" s="929"/>
      <c r="DH89" s="930"/>
      <c r="DI89" s="930"/>
      <c r="DJ89" s="930"/>
      <c r="DK89" s="931"/>
      <c r="DL89" s="929"/>
      <c r="DM89" s="930"/>
      <c r="DN89" s="930"/>
      <c r="DO89" s="930"/>
      <c r="DP89" s="931"/>
      <c r="DQ89" s="929"/>
      <c r="DR89" s="930"/>
      <c r="DS89" s="930"/>
      <c r="DT89" s="930"/>
      <c r="DU89" s="931"/>
      <c r="DV89" s="926"/>
      <c r="DW89" s="927"/>
      <c r="DX89" s="927"/>
      <c r="DY89" s="927"/>
      <c r="DZ89" s="928"/>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6"/>
      <c r="BT90" s="927"/>
      <c r="BU90" s="927"/>
      <c r="BV90" s="927"/>
      <c r="BW90" s="927"/>
      <c r="BX90" s="927"/>
      <c r="BY90" s="927"/>
      <c r="BZ90" s="927"/>
      <c r="CA90" s="927"/>
      <c r="CB90" s="927"/>
      <c r="CC90" s="927"/>
      <c r="CD90" s="927"/>
      <c r="CE90" s="927"/>
      <c r="CF90" s="927"/>
      <c r="CG90" s="932"/>
      <c r="CH90" s="929"/>
      <c r="CI90" s="930"/>
      <c r="CJ90" s="930"/>
      <c r="CK90" s="930"/>
      <c r="CL90" s="931"/>
      <c r="CM90" s="929"/>
      <c r="CN90" s="930"/>
      <c r="CO90" s="930"/>
      <c r="CP90" s="930"/>
      <c r="CQ90" s="931"/>
      <c r="CR90" s="929"/>
      <c r="CS90" s="930"/>
      <c r="CT90" s="930"/>
      <c r="CU90" s="930"/>
      <c r="CV90" s="931"/>
      <c r="CW90" s="929"/>
      <c r="CX90" s="930"/>
      <c r="CY90" s="930"/>
      <c r="CZ90" s="930"/>
      <c r="DA90" s="931"/>
      <c r="DB90" s="929"/>
      <c r="DC90" s="930"/>
      <c r="DD90" s="930"/>
      <c r="DE90" s="930"/>
      <c r="DF90" s="931"/>
      <c r="DG90" s="929"/>
      <c r="DH90" s="930"/>
      <c r="DI90" s="930"/>
      <c r="DJ90" s="930"/>
      <c r="DK90" s="931"/>
      <c r="DL90" s="929"/>
      <c r="DM90" s="930"/>
      <c r="DN90" s="930"/>
      <c r="DO90" s="930"/>
      <c r="DP90" s="931"/>
      <c r="DQ90" s="929"/>
      <c r="DR90" s="930"/>
      <c r="DS90" s="930"/>
      <c r="DT90" s="930"/>
      <c r="DU90" s="931"/>
      <c r="DV90" s="926"/>
      <c r="DW90" s="927"/>
      <c r="DX90" s="927"/>
      <c r="DY90" s="927"/>
      <c r="DZ90" s="928"/>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6"/>
      <c r="BT91" s="927"/>
      <c r="BU91" s="927"/>
      <c r="BV91" s="927"/>
      <c r="BW91" s="927"/>
      <c r="BX91" s="927"/>
      <c r="BY91" s="927"/>
      <c r="BZ91" s="927"/>
      <c r="CA91" s="927"/>
      <c r="CB91" s="927"/>
      <c r="CC91" s="927"/>
      <c r="CD91" s="927"/>
      <c r="CE91" s="927"/>
      <c r="CF91" s="927"/>
      <c r="CG91" s="932"/>
      <c r="CH91" s="929"/>
      <c r="CI91" s="930"/>
      <c r="CJ91" s="930"/>
      <c r="CK91" s="930"/>
      <c r="CL91" s="931"/>
      <c r="CM91" s="929"/>
      <c r="CN91" s="930"/>
      <c r="CO91" s="930"/>
      <c r="CP91" s="930"/>
      <c r="CQ91" s="931"/>
      <c r="CR91" s="929"/>
      <c r="CS91" s="930"/>
      <c r="CT91" s="930"/>
      <c r="CU91" s="930"/>
      <c r="CV91" s="931"/>
      <c r="CW91" s="929"/>
      <c r="CX91" s="930"/>
      <c r="CY91" s="930"/>
      <c r="CZ91" s="930"/>
      <c r="DA91" s="931"/>
      <c r="DB91" s="929"/>
      <c r="DC91" s="930"/>
      <c r="DD91" s="930"/>
      <c r="DE91" s="930"/>
      <c r="DF91" s="931"/>
      <c r="DG91" s="929"/>
      <c r="DH91" s="930"/>
      <c r="DI91" s="930"/>
      <c r="DJ91" s="930"/>
      <c r="DK91" s="931"/>
      <c r="DL91" s="929"/>
      <c r="DM91" s="930"/>
      <c r="DN91" s="930"/>
      <c r="DO91" s="930"/>
      <c r="DP91" s="931"/>
      <c r="DQ91" s="929"/>
      <c r="DR91" s="930"/>
      <c r="DS91" s="930"/>
      <c r="DT91" s="930"/>
      <c r="DU91" s="931"/>
      <c r="DV91" s="926"/>
      <c r="DW91" s="927"/>
      <c r="DX91" s="927"/>
      <c r="DY91" s="927"/>
      <c r="DZ91" s="928"/>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6"/>
      <c r="BT92" s="927"/>
      <c r="BU92" s="927"/>
      <c r="BV92" s="927"/>
      <c r="BW92" s="927"/>
      <c r="BX92" s="927"/>
      <c r="BY92" s="927"/>
      <c r="BZ92" s="927"/>
      <c r="CA92" s="927"/>
      <c r="CB92" s="927"/>
      <c r="CC92" s="927"/>
      <c r="CD92" s="927"/>
      <c r="CE92" s="927"/>
      <c r="CF92" s="927"/>
      <c r="CG92" s="932"/>
      <c r="CH92" s="929"/>
      <c r="CI92" s="930"/>
      <c r="CJ92" s="930"/>
      <c r="CK92" s="930"/>
      <c r="CL92" s="931"/>
      <c r="CM92" s="929"/>
      <c r="CN92" s="930"/>
      <c r="CO92" s="930"/>
      <c r="CP92" s="930"/>
      <c r="CQ92" s="931"/>
      <c r="CR92" s="929"/>
      <c r="CS92" s="930"/>
      <c r="CT92" s="930"/>
      <c r="CU92" s="930"/>
      <c r="CV92" s="931"/>
      <c r="CW92" s="929"/>
      <c r="CX92" s="930"/>
      <c r="CY92" s="930"/>
      <c r="CZ92" s="930"/>
      <c r="DA92" s="931"/>
      <c r="DB92" s="929"/>
      <c r="DC92" s="930"/>
      <c r="DD92" s="930"/>
      <c r="DE92" s="930"/>
      <c r="DF92" s="931"/>
      <c r="DG92" s="929"/>
      <c r="DH92" s="930"/>
      <c r="DI92" s="930"/>
      <c r="DJ92" s="930"/>
      <c r="DK92" s="931"/>
      <c r="DL92" s="929"/>
      <c r="DM92" s="930"/>
      <c r="DN92" s="930"/>
      <c r="DO92" s="930"/>
      <c r="DP92" s="931"/>
      <c r="DQ92" s="929"/>
      <c r="DR92" s="930"/>
      <c r="DS92" s="930"/>
      <c r="DT92" s="930"/>
      <c r="DU92" s="931"/>
      <c r="DV92" s="926"/>
      <c r="DW92" s="927"/>
      <c r="DX92" s="927"/>
      <c r="DY92" s="927"/>
      <c r="DZ92" s="928"/>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6"/>
      <c r="BT93" s="927"/>
      <c r="BU93" s="927"/>
      <c r="BV93" s="927"/>
      <c r="BW93" s="927"/>
      <c r="BX93" s="927"/>
      <c r="BY93" s="927"/>
      <c r="BZ93" s="927"/>
      <c r="CA93" s="927"/>
      <c r="CB93" s="927"/>
      <c r="CC93" s="927"/>
      <c r="CD93" s="927"/>
      <c r="CE93" s="927"/>
      <c r="CF93" s="927"/>
      <c r="CG93" s="932"/>
      <c r="CH93" s="929"/>
      <c r="CI93" s="930"/>
      <c r="CJ93" s="930"/>
      <c r="CK93" s="930"/>
      <c r="CL93" s="931"/>
      <c r="CM93" s="929"/>
      <c r="CN93" s="930"/>
      <c r="CO93" s="930"/>
      <c r="CP93" s="930"/>
      <c r="CQ93" s="931"/>
      <c r="CR93" s="929"/>
      <c r="CS93" s="930"/>
      <c r="CT93" s="930"/>
      <c r="CU93" s="930"/>
      <c r="CV93" s="931"/>
      <c r="CW93" s="929"/>
      <c r="CX93" s="930"/>
      <c r="CY93" s="930"/>
      <c r="CZ93" s="930"/>
      <c r="DA93" s="931"/>
      <c r="DB93" s="929"/>
      <c r="DC93" s="930"/>
      <c r="DD93" s="930"/>
      <c r="DE93" s="930"/>
      <c r="DF93" s="931"/>
      <c r="DG93" s="929"/>
      <c r="DH93" s="930"/>
      <c r="DI93" s="930"/>
      <c r="DJ93" s="930"/>
      <c r="DK93" s="931"/>
      <c r="DL93" s="929"/>
      <c r="DM93" s="930"/>
      <c r="DN93" s="930"/>
      <c r="DO93" s="930"/>
      <c r="DP93" s="931"/>
      <c r="DQ93" s="929"/>
      <c r="DR93" s="930"/>
      <c r="DS93" s="930"/>
      <c r="DT93" s="930"/>
      <c r="DU93" s="931"/>
      <c r="DV93" s="926"/>
      <c r="DW93" s="927"/>
      <c r="DX93" s="927"/>
      <c r="DY93" s="927"/>
      <c r="DZ93" s="928"/>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6"/>
      <c r="BT94" s="927"/>
      <c r="BU94" s="927"/>
      <c r="BV94" s="927"/>
      <c r="BW94" s="927"/>
      <c r="BX94" s="927"/>
      <c r="BY94" s="927"/>
      <c r="BZ94" s="927"/>
      <c r="CA94" s="927"/>
      <c r="CB94" s="927"/>
      <c r="CC94" s="927"/>
      <c r="CD94" s="927"/>
      <c r="CE94" s="927"/>
      <c r="CF94" s="927"/>
      <c r="CG94" s="932"/>
      <c r="CH94" s="929"/>
      <c r="CI94" s="930"/>
      <c r="CJ94" s="930"/>
      <c r="CK94" s="930"/>
      <c r="CL94" s="931"/>
      <c r="CM94" s="929"/>
      <c r="CN94" s="930"/>
      <c r="CO94" s="930"/>
      <c r="CP94" s="930"/>
      <c r="CQ94" s="931"/>
      <c r="CR94" s="929"/>
      <c r="CS94" s="930"/>
      <c r="CT94" s="930"/>
      <c r="CU94" s="930"/>
      <c r="CV94" s="931"/>
      <c r="CW94" s="929"/>
      <c r="CX94" s="930"/>
      <c r="CY94" s="930"/>
      <c r="CZ94" s="930"/>
      <c r="DA94" s="931"/>
      <c r="DB94" s="929"/>
      <c r="DC94" s="930"/>
      <c r="DD94" s="930"/>
      <c r="DE94" s="930"/>
      <c r="DF94" s="931"/>
      <c r="DG94" s="929"/>
      <c r="DH94" s="930"/>
      <c r="DI94" s="930"/>
      <c r="DJ94" s="930"/>
      <c r="DK94" s="931"/>
      <c r="DL94" s="929"/>
      <c r="DM94" s="930"/>
      <c r="DN94" s="930"/>
      <c r="DO94" s="930"/>
      <c r="DP94" s="931"/>
      <c r="DQ94" s="929"/>
      <c r="DR94" s="930"/>
      <c r="DS94" s="930"/>
      <c r="DT94" s="930"/>
      <c r="DU94" s="931"/>
      <c r="DV94" s="926"/>
      <c r="DW94" s="927"/>
      <c r="DX94" s="927"/>
      <c r="DY94" s="927"/>
      <c r="DZ94" s="928"/>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6"/>
      <c r="BT95" s="927"/>
      <c r="BU95" s="927"/>
      <c r="BV95" s="927"/>
      <c r="BW95" s="927"/>
      <c r="BX95" s="927"/>
      <c r="BY95" s="927"/>
      <c r="BZ95" s="927"/>
      <c r="CA95" s="927"/>
      <c r="CB95" s="927"/>
      <c r="CC95" s="927"/>
      <c r="CD95" s="927"/>
      <c r="CE95" s="927"/>
      <c r="CF95" s="927"/>
      <c r="CG95" s="932"/>
      <c r="CH95" s="929"/>
      <c r="CI95" s="930"/>
      <c r="CJ95" s="930"/>
      <c r="CK95" s="930"/>
      <c r="CL95" s="931"/>
      <c r="CM95" s="929"/>
      <c r="CN95" s="930"/>
      <c r="CO95" s="930"/>
      <c r="CP95" s="930"/>
      <c r="CQ95" s="931"/>
      <c r="CR95" s="929"/>
      <c r="CS95" s="930"/>
      <c r="CT95" s="930"/>
      <c r="CU95" s="930"/>
      <c r="CV95" s="931"/>
      <c r="CW95" s="929"/>
      <c r="CX95" s="930"/>
      <c r="CY95" s="930"/>
      <c r="CZ95" s="930"/>
      <c r="DA95" s="931"/>
      <c r="DB95" s="929"/>
      <c r="DC95" s="930"/>
      <c r="DD95" s="930"/>
      <c r="DE95" s="930"/>
      <c r="DF95" s="931"/>
      <c r="DG95" s="929"/>
      <c r="DH95" s="930"/>
      <c r="DI95" s="930"/>
      <c r="DJ95" s="930"/>
      <c r="DK95" s="931"/>
      <c r="DL95" s="929"/>
      <c r="DM95" s="930"/>
      <c r="DN95" s="930"/>
      <c r="DO95" s="930"/>
      <c r="DP95" s="931"/>
      <c r="DQ95" s="929"/>
      <c r="DR95" s="930"/>
      <c r="DS95" s="930"/>
      <c r="DT95" s="930"/>
      <c r="DU95" s="931"/>
      <c r="DV95" s="926"/>
      <c r="DW95" s="927"/>
      <c r="DX95" s="927"/>
      <c r="DY95" s="927"/>
      <c r="DZ95" s="928"/>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6"/>
      <c r="BT96" s="927"/>
      <c r="BU96" s="927"/>
      <c r="BV96" s="927"/>
      <c r="BW96" s="927"/>
      <c r="BX96" s="927"/>
      <c r="BY96" s="927"/>
      <c r="BZ96" s="927"/>
      <c r="CA96" s="927"/>
      <c r="CB96" s="927"/>
      <c r="CC96" s="927"/>
      <c r="CD96" s="927"/>
      <c r="CE96" s="927"/>
      <c r="CF96" s="927"/>
      <c r="CG96" s="932"/>
      <c r="CH96" s="929"/>
      <c r="CI96" s="930"/>
      <c r="CJ96" s="930"/>
      <c r="CK96" s="930"/>
      <c r="CL96" s="931"/>
      <c r="CM96" s="929"/>
      <c r="CN96" s="930"/>
      <c r="CO96" s="930"/>
      <c r="CP96" s="930"/>
      <c r="CQ96" s="931"/>
      <c r="CR96" s="929"/>
      <c r="CS96" s="930"/>
      <c r="CT96" s="930"/>
      <c r="CU96" s="930"/>
      <c r="CV96" s="931"/>
      <c r="CW96" s="929"/>
      <c r="CX96" s="930"/>
      <c r="CY96" s="930"/>
      <c r="CZ96" s="930"/>
      <c r="DA96" s="931"/>
      <c r="DB96" s="929"/>
      <c r="DC96" s="930"/>
      <c r="DD96" s="930"/>
      <c r="DE96" s="930"/>
      <c r="DF96" s="931"/>
      <c r="DG96" s="929"/>
      <c r="DH96" s="930"/>
      <c r="DI96" s="930"/>
      <c r="DJ96" s="930"/>
      <c r="DK96" s="931"/>
      <c r="DL96" s="929"/>
      <c r="DM96" s="930"/>
      <c r="DN96" s="930"/>
      <c r="DO96" s="930"/>
      <c r="DP96" s="931"/>
      <c r="DQ96" s="929"/>
      <c r="DR96" s="930"/>
      <c r="DS96" s="930"/>
      <c r="DT96" s="930"/>
      <c r="DU96" s="931"/>
      <c r="DV96" s="926"/>
      <c r="DW96" s="927"/>
      <c r="DX96" s="927"/>
      <c r="DY96" s="927"/>
      <c r="DZ96" s="928"/>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6"/>
      <c r="BT97" s="927"/>
      <c r="BU97" s="927"/>
      <c r="BV97" s="927"/>
      <c r="BW97" s="927"/>
      <c r="BX97" s="927"/>
      <c r="BY97" s="927"/>
      <c r="BZ97" s="927"/>
      <c r="CA97" s="927"/>
      <c r="CB97" s="927"/>
      <c r="CC97" s="927"/>
      <c r="CD97" s="927"/>
      <c r="CE97" s="927"/>
      <c r="CF97" s="927"/>
      <c r="CG97" s="932"/>
      <c r="CH97" s="929"/>
      <c r="CI97" s="930"/>
      <c r="CJ97" s="930"/>
      <c r="CK97" s="930"/>
      <c r="CL97" s="931"/>
      <c r="CM97" s="929"/>
      <c r="CN97" s="930"/>
      <c r="CO97" s="930"/>
      <c r="CP97" s="930"/>
      <c r="CQ97" s="931"/>
      <c r="CR97" s="929"/>
      <c r="CS97" s="930"/>
      <c r="CT97" s="930"/>
      <c r="CU97" s="930"/>
      <c r="CV97" s="931"/>
      <c r="CW97" s="929"/>
      <c r="CX97" s="930"/>
      <c r="CY97" s="930"/>
      <c r="CZ97" s="930"/>
      <c r="DA97" s="931"/>
      <c r="DB97" s="929"/>
      <c r="DC97" s="930"/>
      <c r="DD97" s="930"/>
      <c r="DE97" s="930"/>
      <c r="DF97" s="931"/>
      <c r="DG97" s="929"/>
      <c r="DH97" s="930"/>
      <c r="DI97" s="930"/>
      <c r="DJ97" s="930"/>
      <c r="DK97" s="931"/>
      <c r="DL97" s="929"/>
      <c r="DM97" s="930"/>
      <c r="DN97" s="930"/>
      <c r="DO97" s="930"/>
      <c r="DP97" s="931"/>
      <c r="DQ97" s="929"/>
      <c r="DR97" s="930"/>
      <c r="DS97" s="930"/>
      <c r="DT97" s="930"/>
      <c r="DU97" s="931"/>
      <c r="DV97" s="926"/>
      <c r="DW97" s="927"/>
      <c r="DX97" s="927"/>
      <c r="DY97" s="927"/>
      <c r="DZ97" s="928"/>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6"/>
      <c r="BT98" s="927"/>
      <c r="BU98" s="927"/>
      <c r="BV98" s="927"/>
      <c r="BW98" s="927"/>
      <c r="BX98" s="927"/>
      <c r="BY98" s="927"/>
      <c r="BZ98" s="927"/>
      <c r="CA98" s="927"/>
      <c r="CB98" s="927"/>
      <c r="CC98" s="927"/>
      <c r="CD98" s="927"/>
      <c r="CE98" s="927"/>
      <c r="CF98" s="927"/>
      <c r="CG98" s="932"/>
      <c r="CH98" s="929"/>
      <c r="CI98" s="930"/>
      <c r="CJ98" s="930"/>
      <c r="CK98" s="930"/>
      <c r="CL98" s="931"/>
      <c r="CM98" s="929"/>
      <c r="CN98" s="930"/>
      <c r="CO98" s="930"/>
      <c r="CP98" s="930"/>
      <c r="CQ98" s="931"/>
      <c r="CR98" s="929"/>
      <c r="CS98" s="930"/>
      <c r="CT98" s="930"/>
      <c r="CU98" s="930"/>
      <c r="CV98" s="931"/>
      <c r="CW98" s="929"/>
      <c r="CX98" s="930"/>
      <c r="CY98" s="930"/>
      <c r="CZ98" s="930"/>
      <c r="DA98" s="931"/>
      <c r="DB98" s="929"/>
      <c r="DC98" s="930"/>
      <c r="DD98" s="930"/>
      <c r="DE98" s="930"/>
      <c r="DF98" s="931"/>
      <c r="DG98" s="929"/>
      <c r="DH98" s="930"/>
      <c r="DI98" s="930"/>
      <c r="DJ98" s="930"/>
      <c r="DK98" s="931"/>
      <c r="DL98" s="929"/>
      <c r="DM98" s="930"/>
      <c r="DN98" s="930"/>
      <c r="DO98" s="930"/>
      <c r="DP98" s="931"/>
      <c r="DQ98" s="929"/>
      <c r="DR98" s="930"/>
      <c r="DS98" s="930"/>
      <c r="DT98" s="930"/>
      <c r="DU98" s="931"/>
      <c r="DV98" s="926"/>
      <c r="DW98" s="927"/>
      <c r="DX98" s="927"/>
      <c r="DY98" s="927"/>
      <c r="DZ98" s="928"/>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6"/>
      <c r="BT99" s="927"/>
      <c r="BU99" s="927"/>
      <c r="BV99" s="927"/>
      <c r="BW99" s="927"/>
      <c r="BX99" s="927"/>
      <c r="BY99" s="927"/>
      <c r="BZ99" s="927"/>
      <c r="CA99" s="927"/>
      <c r="CB99" s="927"/>
      <c r="CC99" s="927"/>
      <c r="CD99" s="927"/>
      <c r="CE99" s="927"/>
      <c r="CF99" s="927"/>
      <c r="CG99" s="932"/>
      <c r="CH99" s="929"/>
      <c r="CI99" s="930"/>
      <c r="CJ99" s="930"/>
      <c r="CK99" s="930"/>
      <c r="CL99" s="931"/>
      <c r="CM99" s="929"/>
      <c r="CN99" s="930"/>
      <c r="CO99" s="930"/>
      <c r="CP99" s="930"/>
      <c r="CQ99" s="931"/>
      <c r="CR99" s="929"/>
      <c r="CS99" s="930"/>
      <c r="CT99" s="930"/>
      <c r="CU99" s="930"/>
      <c r="CV99" s="931"/>
      <c r="CW99" s="929"/>
      <c r="CX99" s="930"/>
      <c r="CY99" s="930"/>
      <c r="CZ99" s="930"/>
      <c r="DA99" s="931"/>
      <c r="DB99" s="929"/>
      <c r="DC99" s="930"/>
      <c r="DD99" s="930"/>
      <c r="DE99" s="930"/>
      <c r="DF99" s="931"/>
      <c r="DG99" s="929"/>
      <c r="DH99" s="930"/>
      <c r="DI99" s="930"/>
      <c r="DJ99" s="930"/>
      <c r="DK99" s="931"/>
      <c r="DL99" s="929"/>
      <c r="DM99" s="930"/>
      <c r="DN99" s="930"/>
      <c r="DO99" s="930"/>
      <c r="DP99" s="931"/>
      <c r="DQ99" s="929"/>
      <c r="DR99" s="930"/>
      <c r="DS99" s="930"/>
      <c r="DT99" s="930"/>
      <c r="DU99" s="931"/>
      <c r="DV99" s="926"/>
      <c r="DW99" s="927"/>
      <c r="DX99" s="927"/>
      <c r="DY99" s="927"/>
      <c r="DZ99" s="928"/>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6"/>
      <c r="BT100" s="927"/>
      <c r="BU100" s="927"/>
      <c r="BV100" s="927"/>
      <c r="BW100" s="927"/>
      <c r="BX100" s="927"/>
      <c r="BY100" s="927"/>
      <c r="BZ100" s="927"/>
      <c r="CA100" s="927"/>
      <c r="CB100" s="927"/>
      <c r="CC100" s="927"/>
      <c r="CD100" s="927"/>
      <c r="CE100" s="927"/>
      <c r="CF100" s="927"/>
      <c r="CG100" s="932"/>
      <c r="CH100" s="929"/>
      <c r="CI100" s="930"/>
      <c r="CJ100" s="930"/>
      <c r="CK100" s="930"/>
      <c r="CL100" s="931"/>
      <c r="CM100" s="929"/>
      <c r="CN100" s="930"/>
      <c r="CO100" s="930"/>
      <c r="CP100" s="930"/>
      <c r="CQ100" s="931"/>
      <c r="CR100" s="929"/>
      <c r="CS100" s="930"/>
      <c r="CT100" s="930"/>
      <c r="CU100" s="930"/>
      <c r="CV100" s="931"/>
      <c r="CW100" s="929"/>
      <c r="CX100" s="930"/>
      <c r="CY100" s="930"/>
      <c r="CZ100" s="930"/>
      <c r="DA100" s="931"/>
      <c r="DB100" s="929"/>
      <c r="DC100" s="930"/>
      <c r="DD100" s="930"/>
      <c r="DE100" s="930"/>
      <c r="DF100" s="931"/>
      <c r="DG100" s="929"/>
      <c r="DH100" s="930"/>
      <c r="DI100" s="930"/>
      <c r="DJ100" s="930"/>
      <c r="DK100" s="931"/>
      <c r="DL100" s="929"/>
      <c r="DM100" s="930"/>
      <c r="DN100" s="930"/>
      <c r="DO100" s="930"/>
      <c r="DP100" s="931"/>
      <c r="DQ100" s="929"/>
      <c r="DR100" s="930"/>
      <c r="DS100" s="930"/>
      <c r="DT100" s="930"/>
      <c r="DU100" s="931"/>
      <c r="DV100" s="926"/>
      <c r="DW100" s="927"/>
      <c r="DX100" s="927"/>
      <c r="DY100" s="927"/>
      <c r="DZ100" s="928"/>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6"/>
      <c r="BT101" s="927"/>
      <c r="BU101" s="927"/>
      <c r="BV101" s="927"/>
      <c r="BW101" s="927"/>
      <c r="BX101" s="927"/>
      <c r="BY101" s="927"/>
      <c r="BZ101" s="927"/>
      <c r="CA101" s="927"/>
      <c r="CB101" s="927"/>
      <c r="CC101" s="927"/>
      <c r="CD101" s="927"/>
      <c r="CE101" s="927"/>
      <c r="CF101" s="927"/>
      <c r="CG101" s="932"/>
      <c r="CH101" s="929"/>
      <c r="CI101" s="930"/>
      <c r="CJ101" s="930"/>
      <c r="CK101" s="930"/>
      <c r="CL101" s="931"/>
      <c r="CM101" s="929"/>
      <c r="CN101" s="930"/>
      <c r="CO101" s="930"/>
      <c r="CP101" s="930"/>
      <c r="CQ101" s="931"/>
      <c r="CR101" s="929"/>
      <c r="CS101" s="930"/>
      <c r="CT101" s="930"/>
      <c r="CU101" s="930"/>
      <c r="CV101" s="931"/>
      <c r="CW101" s="929"/>
      <c r="CX101" s="930"/>
      <c r="CY101" s="930"/>
      <c r="CZ101" s="930"/>
      <c r="DA101" s="931"/>
      <c r="DB101" s="929"/>
      <c r="DC101" s="930"/>
      <c r="DD101" s="930"/>
      <c r="DE101" s="930"/>
      <c r="DF101" s="931"/>
      <c r="DG101" s="929"/>
      <c r="DH101" s="930"/>
      <c r="DI101" s="930"/>
      <c r="DJ101" s="930"/>
      <c r="DK101" s="931"/>
      <c r="DL101" s="929"/>
      <c r="DM101" s="930"/>
      <c r="DN101" s="930"/>
      <c r="DO101" s="930"/>
      <c r="DP101" s="931"/>
      <c r="DQ101" s="929"/>
      <c r="DR101" s="930"/>
      <c r="DS101" s="930"/>
      <c r="DT101" s="930"/>
      <c r="DU101" s="931"/>
      <c r="DV101" s="926"/>
      <c r="DW101" s="927"/>
      <c r="DX101" s="927"/>
      <c r="DY101" s="927"/>
      <c r="DZ101" s="928"/>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4</v>
      </c>
      <c r="BR102" s="854" t="s">
        <v>425</v>
      </c>
      <c r="BS102" s="855"/>
      <c r="BT102" s="855"/>
      <c r="BU102" s="855"/>
      <c r="BV102" s="855"/>
      <c r="BW102" s="855"/>
      <c r="BX102" s="855"/>
      <c r="BY102" s="855"/>
      <c r="BZ102" s="855"/>
      <c r="CA102" s="855"/>
      <c r="CB102" s="855"/>
      <c r="CC102" s="855"/>
      <c r="CD102" s="855"/>
      <c r="CE102" s="855"/>
      <c r="CF102" s="855"/>
      <c r="CG102" s="856"/>
      <c r="CH102" s="954"/>
      <c r="CI102" s="955"/>
      <c r="CJ102" s="955"/>
      <c r="CK102" s="955"/>
      <c r="CL102" s="956"/>
      <c r="CM102" s="954"/>
      <c r="CN102" s="955"/>
      <c r="CO102" s="955"/>
      <c r="CP102" s="955"/>
      <c r="CQ102" s="956"/>
      <c r="CR102" s="957">
        <v>352</v>
      </c>
      <c r="CS102" s="919"/>
      <c r="CT102" s="919"/>
      <c r="CU102" s="919"/>
      <c r="CV102" s="958"/>
      <c r="CW102" s="957">
        <v>25</v>
      </c>
      <c r="CX102" s="919"/>
      <c r="CY102" s="919"/>
      <c r="CZ102" s="919"/>
      <c r="DA102" s="958"/>
      <c r="DB102" s="957" t="s">
        <v>599</v>
      </c>
      <c r="DC102" s="919"/>
      <c r="DD102" s="919"/>
      <c r="DE102" s="919"/>
      <c r="DF102" s="958"/>
      <c r="DG102" s="957">
        <v>3224</v>
      </c>
      <c r="DH102" s="919"/>
      <c r="DI102" s="919"/>
      <c r="DJ102" s="919"/>
      <c r="DK102" s="958"/>
      <c r="DL102" s="957" t="s">
        <v>599</v>
      </c>
      <c r="DM102" s="919"/>
      <c r="DN102" s="919"/>
      <c r="DO102" s="919"/>
      <c r="DP102" s="958"/>
      <c r="DQ102" s="957" t="s">
        <v>599</v>
      </c>
      <c r="DR102" s="919"/>
      <c r="DS102" s="919"/>
      <c r="DT102" s="919"/>
      <c r="DU102" s="958"/>
      <c r="DV102" s="854"/>
      <c r="DW102" s="855"/>
      <c r="DX102" s="855"/>
      <c r="DY102" s="855"/>
      <c r="DZ102" s="981"/>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2" t="s">
        <v>426</v>
      </c>
      <c r="BR103" s="982"/>
      <c r="BS103" s="982"/>
      <c r="BT103" s="982"/>
      <c r="BU103" s="982"/>
      <c r="BV103" s="982"/>
      <c r="BW103" s="982"/>
      <c r="BX103" s="982"/>
      <c r="BY103" s="982"/>
      <c r="BZ103" s="982"/>
      <c r="CA103" s="982"/>
      <c r="CB103" s="982"/>
      <c r="CC103" s="982"/>
      <c r="CD103" s="982"/>
      <c r="CE103" s="982"/>
      <c r="CF103" s="982"/>
      <c r="CG103" s="982"/>
      <c r="CH103" s="982"/>
      <c r="CI103" s="982"/>
      <c r="CJ103" s="982"/>
      <c r="CK103" s="982"/>
      <c r="CL103" s="982"/>
      <c r="CM103" s="982"/>
      <c r="CN103" s="982"/>
      <c r="CO103" s="982"/>
      <c r="CP103" s="982"/>
      <c r="CQ103" s="982"/>
      <c r="CR103" s="982"/>
      <c r="CS103" s="982"/>
      <c r="CT103" s="982"/>
      <c r="CU103" s="982"/>
      <c r="CV103" s="982"/>
      <c r="CW103" s="982"/>
      <c r="CX103" s="982"/>
      <c r="CY103" s="982"/>
      <c r="CZ103" s="982"/>
      <c r="DA103" s="982"/>
      <c r="DB103" s="982"/>
      <c r="DC103" s="982"/>
      <c r="DD103" s="982"/>
      <c r="DE103" s="982"/>
      <c r="DF103" s="982"/>
      <c r="DG103" s="982"/>
      <c r="DH103" s="982"/>
      <c r="DI103" s="982"/>
      <c r="DJ103" s="982"/>
      <c r="DK103" s="982"/>
      <c r="DL103" s="982"/>
      <c r="DM103" s="982"/>
      <c r="DN103" s="982"/>
      <c r="DO103" s="982"/>
      <c r="DP103" s="982"/>
      <c r="DQ103" s="982"/>
      <c r="DR103" s="982"/>
      <c r="DS103" s="982"/>
      <c r="DT103" s="982"/>
      <c r="DU103" s="982"/>
      <c r="DV103" s="982"/>
      <c r="DW103" s="982"/>
      <c r="DX103" s="982"/>
      <c r="DY103" s="982"/>
      <c r="DZ103" s="982"/>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3" t="s">
        <v>427</v>
      </c>
      <c r="BR104" s="983"/>
      <c r="BS104" s="983"/>
      <c r="BT104" s="983"/>
      <c r="BU104" s="983"/>
      <c r="BV104" s="983"/>
      <c r="BW104" s="983"/>
      <c r="BX104" s="983"/>
      <c r="BY104" s="983"/>
      <c r="BZ104" s="983"/>
      <c r="CA104" s="983"/>
      <c r="CB104" s="983"/>
      <c r="CC104" s="983"/>
      <c r="CD104" s="983"/>
      <c r="CE104" s="983"/>
      <c r="CF104" s="983"/>
      <c r="CG104" s="983"/>
      <c r="CH104" s="983"/>
      <c r="CI104" s="983"/>
      <c r="CJ104" s="983"/>
      <c r="CK104" s="983"/>
      <c r="CL104" s="983"/>
      <c r="CM104" s="983"/>
      <c r="CN104" s="983"/>
      <c r="CO104" s="983"/>
      <c r="CP104" s="983"/>
      <c r="CQ104" s="983"/>
      <c r="CR104" s="983"/>
      <c r="CS104" s="983"/>
      <c r="CT104" s="983"/>
      <c r="CU104" s="983"/>
      <c r="CV104" s="983"/>
      <c r="CW104" s="983"/>
      <c r="CX104" s="983"/>
      <c r="CY104" s="983"/>
      <c r="CZ104" s="983"/>
      <c r="DA104" s="983"/>
      <c r="DB104" s="983"/>
      <c r="DC104" s="983"/>
      <c r="DD104" s="983"/>
      <c r="DE104" s="983"/>
      <c r="DF104" s="983"/>
      <c r="DG104" s="983"/>
      <c r="DH104" s="983"/>
      <c r="DI104" s="983"/>
      <c r="DJ104" s="983"/>
      <c r="DK104" s="983"/>
      <c r="DL104" s="983"/>
      <c r="DM104" s="983"/>
      <c r="DN104" s="983"/>
      <c r="DO104" s="983"/>
      <c r="DP104" s="983"/>
      <c r="DQ104" s="983"/>
      <c r="DR104" s="983"/>
      <c r="DS104" s="983"/>
      <c r="DT104" s="983"/>
      <c r="DU104" s="983"/>
      <c r="DV104" s="983"/>
      <c r="DW104" s="983"/>
      <c r="DX104" s="983"/>
      <c r="DY104" s="983"/>
      <c r="DZ104" s="983"/>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8</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9</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4" t="s">
        <v>430</v>
      </c>
      <c r="B108" s="985"/>
      <c r="C108" s="985"/>
      <c r="D108" s="985"/>
      <c r="E108" s="985"/>
      <c r="F108" s="985"/>
      <c r="G108" s="985"/>
      <c r="H108" s="985"/>
      <c r="I108" s="985"/>
      <c r="J108" s="985"/>
      <c r="K108" s="985"/>
      <c r="L108" s="985"/>
      <c r="M108" s="985"/>
      <c r="N108" s="985"/>
      <c r="O108" s="985"/>
      <c r="P108" s="985"/>
      <c r="Q108" s="985"/>
      <c r="R108" s="985"/>
      <c r="S108" s="985"/>
      <c r="T108" s="985"/>
      <c r="U108" s="985"/>
      <c r="V108" s="985"/>
      <c r="W108" s="985"/>
      <c r="X108" s="985"/>
      <c r="Y108" s="985"/>
      <c r="Z108" s="985"/>
      <c r="AA108" s="985"/>
      <c r="AB108" s="985"/>
      <c r="AC108" s="985"/>
      <c r="AD108" s="985"/>
      <c r="AE108" s="985"/>
      <c r="AF108" s="985"/>
      <c r="AG108" s="985"/>
      <c r="AH108" s="985"/>
      <c r="AI108" s="985"/>
      <c r="AJ108" s="985"/>
      <c r="AK108" s="985"/>
      <c r="AL108" s="985"/>
      <c r="AM108" s="985"/>
      <c r="AN108" s="985"/>
      <c r="AO108" s="985"/>
      <c r="AP108" s="985"/>
      <c r="AQ108" s="985"/>
      <c r="AR108" s="985"/>
      <c r="AS108" s="985"/>
      <c r="AT108" s="986"/>
      <c r="AU108" s="984" t="s">
        <v>431</v>
      </c>
      <c r="AV108" s="985"/>
      <c r="AW108" s="985"/>
      <c r="AX108" s="985"/>
      <c r="AY108" s="985"/>
      <c r="AZ108" s="985"/>
      <c r="BA108" s="985"/>
      <c r="BB108" s="985"/>
      <c r="BC108" s="985"/>
      <c r="BD108" s="985"/>
      <c r="BE108" s="985"/>
      <c r="BF108" s="985"/>
      <c r="BG108" s="985"/>
      <c r="BH108" s="985"/>
      <c r="BI108" s="985"/>
      <c r="BJ108" s="985"/>
      <c r="BK108" s="985"/>
      <c r="BL108" s="985"/>
      <c r="BM108" s="985"/>
      <c r="BN108" s="985"/>
      <c r="BO108" s="985"/>
      <c r="BP108" s="985"/>
      <c r="BQ108" s="985"/>
      <c r="BR108" s="985"/>
      <c r="BS108" s="985"/>
      <c r="BT108" s="985"/>
      <c r="BU108" s="985"/>
      <c r="BV108" s="985"/>
      <c r="BW108" s="985"/>
      <c r="BX108" s="985"/>
      <c r="BY108" s="985"/>
      <c r="BZ108" s="985"/>
      <c r="CA108" s="985"/>
      <c r="CB108" s="985"/>
      <c r="CC108" s="985"/>
      <c r="CD108" s="985"/>
      <c r="CE108" s="985"/>
      <c r="CF108" s="985"/>
      <c r="CG108" s="985"/>
      <c r="CH108" s="985"/>
      <c r="CI108" s="985"/>
      <c r="CJ108" s="985"/>
      <c r="CK108" s="985"/>
      <c r="CL108" s="985"/>
      <c r="CM108" s="985"/>
      <c r="CN108" s="985"/>
      <c r="CO108" s="985"/>
      <c r="CP108" s="985"/>
      <c r="CQ108" s="985"/>
      <c r="CR108" s="985"/>
      <c r="CS108" s="985"/>
      <c r="CT108" s="985"/>
      <c r="CU108" s="985"/>
      <c r="CV108" s="985"/>
      <c r="CW108" s="985"/>
      <c r="CX108" s="985"/>
      <c r="CY108" s="985"/>
      <c r="CZ108" s="985"/>
      <c r="DA108" s="985"/>
      <c r="DB108" s="985"/>
      <c r="DC108" s="985"/>
      <c r="DD108" s="985"/>
      <c r="DE108" s="985"/>
      <c r="DF108" s="985"/>
      <c r="DG108" s="985"/>
      <c r="DH108" s="985"/>
      <c r="DI108" s="985"/>
      <c r="DJ108" s="985"/>
      <c r="DK108" s="985"/>
      <c r="DL108" s="985"/>
      <c r="DM108" s="985"/>
      <c r="DN108" s="985"/>
      <c r="DO108" s="985"/>
      <c r="DP108" s="985"/>
      <c r="DQ108" s="985"/>
      <c r="DR108" s="985"/>
      <c r="DS108" s="985"/>
      <c r="DT108" s="985"/>
      <c r="DU108" s="985"/>
      <c r="DV108" s="985"/>
      <c r="DW108" s="985"/>
      <c r="DX108" s="985"/>
      <c r="DY108" s="985"/>
      <c r="DZ108" s="986"/>
    </row>
    <row r="109" spans="1:131" s="226" customFormat="1" ht="26.25" customHeight="1" x14ac:dyDescent="0.2">
      <c r="A109" s="979" t="s">
        <v>432</v>
      </c>
      <c r="B109" s="960"/>
      <c r="C109" s="960"/>
      <c r="D109" s="960"/>
      <c r="E109" s="960"/>
      <c r="F109" s="960"/>
      <c r="G109" s="960"/>
      <c r="H109" s="960"/>
      <c r="I109" s="960"/>
      <c r="J109" s="960"/>
      <c r="K109" s="960"/>
      <c r="L109" s="960"/>
      <c r="M109" s="960"/>
      <c r="N109" s="960"/>
      <c r="O109" s="960"/>
      <c r="P109" s="960"/>
      <c r="Q109" s="960"/>
      <c r="R109" s="960"/>
      <c r="S109" s="960"/>
      <c r="T109" s="960"/>
      <c r="U109" s="960"/>
      <c r="V109" s="960"/>
      <c r="W109" s="960"/>
      <c r="X109" s="960"/>
      <c r="Y109" s="960"/>
      <c r="Z109" s="961"/>
      <c r="AA109" s="959" t="s">
        <v>433</v>
      </c>
      <c r="AB109" s="960"/>
      <c r="AC109" s="960"/>
      <c r="AD109" s="960"/>
      <c r="AE109" s="961"/>
      <c r="AF109" s="959" t="s">
        <v>434</v>
      </c>
      <c r="AG109" s="960"/>
      <c r="AH109" s="960"/>
      <c r="AI109" s="960"/>
      <c r="AJ109" s="961"/>
      <c r="AK109" s="959" t="s">
        <v>307</v>
      </c>
      <c r="AL109" s="960"/>
      <c r="AM109" s="960"/>
      <c r="AN109" s="960"/>
      <c r="AO109" s="961"/>
      <c r="AP109" s="959" t="s">
        <v>435</v>
      </c>
      <c r="AQ109" s="960"/>
      <c r="AR109" s="960"/>
      <c r="AS109" s="960"/>
      <c r="AT109" s="962"/>
      <c r="AU109" s="979" t="s">
        <v>432</v>
      </c>
      <c r="AV109" s="960"/>
      <c r="AW109" s="960"/>
      <c r="AX109" s="960"/>
      <c r="AY109" s="960"/>
      <c r="AZ109" s="960"/>
      <c r="BA109" s="960"/>
      <c r="BB109" s="960"/>
      <c r="BC109" s="960"/>
      <c r="BD109" s="960"/>
      <c r="BE109" s="960"/>
      <c r="BF109" s="960"/>
      <c r="BG109" s="960"/>
      <c r="BH109" s="960"/>
      <c r="BI109" s="960"/>
      <c r="BJ109" s="960"/>
      <c r="BK109" s="960"/>
      <c r="BL109" s="960"/>
      <c r="BM109" s="960"/>
      <c r="BN109" s="960"/>
      <c r="BO109" s="960"/>
      <c r="BP109" s="961"/>
      <c r="BQ109" s="959" t="s">
        <v>433</v>
      </c>
      <c r="BR109" s="960"/>
      <c r="BS109" s="960"/>
      <c r="BT109" s="960"/>
      <c r="BU109" s="961"/>
      <c r="BV109" s="959" t="s">
        <v>434</v>
      </c>
      <c r="BW109" s="960"/>
      <c r="BX109" s="960"/>
      <c r="BY109" s="960"/>
      <c r="BZ109" s="961"/>
      <c r="CA109" s="959" t="s">
        <v>307</v>
      </c>
      <c r="CB109" s="960"/>
      <c r="CC109" s="960"/>
      <c r="CD109" s="960"/>
      <c r="CE109" s="961"/>
      <c r="CF109" s="980" t="s">
        <v>435</v>
      </c>
      <c r="CG109" s="980"/>
      <c r="CH109" s="980"/>
      <c r="CI109" s="980"/>
      <c r="CJ109" s="980"/>
      <c r="CK109" s="959" t="s">
        <v>436</v>
      </c>
      <c r="CL109" s="960"/>
      <c r="CM109" s="960"/>
      <c r="CN109" s="960"/>
      <c r="CO109" s="960"/>
      <c r="CP109" s="960"/>
      <c r="CQ109" s="960"/>
      <c r="CR109" s="960"/>
      <c r="CS109" s="960"/>
      <c r="CT109" s="960"/>
      <c r="CU109" s="960"/>
      <c r="CV109" s="960"/>
      <c r="CW109" s="960"/>
      <c r="CX109" s="960"/>
      <c r="CY109" s="960"/>
      <c r="CZ109" s="960"/>
      <c r="DA109" s="960"/>
      <c r="DB109" s="960"/>
      <c r="DC109" s="960"/>
      <c r="DD109" s="960"/>
      <c r="DE109" s="960"/>
      <c r="DF109" s="961"/>
      <c r="DG109" s="959" t="s">
        <v>433</v>
      </c>
      <c r="DH109" s="960"/>
      <c r="DI109" s="960"/>
      <c r="DJ109" s="960"/>
      <c r="DK109" s="961"/>
      <c r="DL109" s="959" t="s">
        <v>434</v>
      </c>
      <c r="DM109" s="960"/>
      <c r="DN109" s="960"/>
      <c r="DO109" s="960"/>
      <c r="DP109" s="961"/>
      <c r="DQ109" s="959" t="s">
        <v>307</v>
      </c>
      <c r="DR109" s="960"/>
      <c r="DS109" s="960"/>
      <c r="DT109" s="960"/>
      <c r="DU109" s="961"/>
      <c r="DV109" s="959" t="s">
        <v>435</v>
      </c>
      <c r="DW109" s="960"/>
      <c r="DX109" s="960"/>
      <c r="DY109" s="960"/>
      <c r="DZ109" s="962"/>
    </row>
    <row r="110" spans="1:131" s="226" customFormat="1" ht="26.25" customHeight="1" x14ac:dyDescent="0.2">
      <c r="A110" s="963" t="s">
        <v>437</v>
      </c>
      <c r="B110" s="964"/>
      <c r="C110" s="964"/>
      <c r="D110" s="964"/>
      <c r="E110" s="964"/>
      <c r="F110" s="964"/>
      <c r="G110" s="964"/>
      <c r="H110" s="964"/>
      <c r="I110" s="964"/>
      <c r="J110" s="964"/>
      <c r="K110" s="964"/>
      <c r="L110" s="964"/>
      <c r="M110" s="964"/>
      <c r="N110" s="964"/>
      <c r="O110" s="964"/>
      <c r="P110" s="964"/>
      <c r="Q110" s="964"/>
      <c r="R110" s="964"/>
      <c r="S110" s="964"/>
      <c r="T110" s="964"/>
      <c r="U110" s="964"/>
      <c r="V110" s="964"/>
      <c r="W110" s="964"/>
      <c r="X110" s="964"/>
      <c r="Y110" s="964"/>
      <c r="Z110" s="965"/>
      <c r="AA110" s="966">
        <v>4476335</v>
      </c>
      <c r="AB110" s="967"/>
      <c r="AC110" s="967"/>
      <c r="AD110" s="967"/>
      <c r="AE110" s="968"/>
      <c r="AF110" s="969">
        <v>4358880</v>
      </c>
      <c r="AG110" s="967"/>
      <c r="AH110" s="967"/>
      <c r="AI110" s="967"/>
      <c r="AJ110" s="968"/>
      <c r="AK110" s="969">
        <v>4230131</v>
      </c>
      <c r="AL110" s="967"/>
      <c r="AM110" s="967"/>
      <c r="AN110" s="967"/>
      <c r="AO110" s="968"/>
      <c r="AP110" s="970">
        <v>12.6</v>
      </c>
      <c r="AQ110" s="971"/>
      <c r="AR110" s="971"/>
      <c r="AS110" s="971"/>
      <c r="AT110" s="972"/>
      <c r="AU110" s="973" t="s">
        <v>73</v>
      </c>
      <c r="AV110" s="974"/>
      <c r="AW110" s="974"/>
      <c r="AX110" s="974"/>
      <c r="AY110" s="974"/>
      <c r="AZ110" s="996" t="s">
        <v>438</v>
      </c>
      <c r="BA110" s="964"/>
      <c r="BB110" s="964"/>
      <c r="BC110" s="964"/>
      <c r="BD110" s="964"/>
      <c r="BE110" s="964"/>
      <c r="BF110" s="964"/>
      <c r="BG110" s="964"/>
      <c r="BH110" s="964"/>
      <c r="BI110" s="964"/>
      <c r="BJ110" s="964"/>
      <c r="BK110" s="964"/>
      <c r="BL110" s="964"/>
      <c r="BM110" s="964"/>
      <c r="BN110" s="964"/>
      <c r="BO110" s="964"/>
      <c r="BP110" s="965"/>
      <c r="BQ110" s="997">
        <v>35944720</v>
      </c>
      <c r="BR110" s="998"/>
      <c r="BS110" s="998"/>
      <c r="BT110" s="998"/>
      <c r="BU110" s="998"/>
      <c r="BV110" s="998">
        <v>34723308</v>
      </c>
      <c r="BW110" s="998"/>
      <c r="BX110" s="998"/>
      <c r="BY110" s="998"/>
      <c r="BZ110" s="998"/>
      <c r="CA110" s="998">
        <v>31933377</v>
      </c>
      <c r="CB110" s="998"/>
      <c r="CC110" s="998"/>
      <c r="CD110" s="998"/>
      <c r="CE110" s="998"/>
      <c r="CF110" s="1011">
        <v>94.8</v>
      </c>
      <c r="CG110" s="1012"/>
      <c r="CH110" s="1012"/>
      <c r="CI110" s="1012"/>
      <c r="CJ110" s="1012"/>
      <c r="CK110" s="1013" t="s">
        <v>439</v>
      </c>
      <c r="CL110" s="1014"/>
      <c r="CM110" s="996" t="s">
        <v>440</v>
      </c>
      <c r="CN110" s="964"/>
      <c r="CO110" s="964"/>
      <c r="CP110" s="964"/>
      <c r="CQ110" s="964"/>
      <c r="CR110" s="964"/>
      <c r="CS110" s="964"/>
      <c r="CT110" s="964"/>
      <c r="CU110" s="964"/>
      <c r="CV110" s="964"/>
      <c r="CW110" s="964"/>
      <c r="CX110" s="964"/>
      <c r="CY110" s="964"/>
      <c r="CZ110" s="964"/>
      <c r="DA110" s="964"/>
      <c r="DB110" s="964"/>
      <c r="DC110" s="964"/>
      <c r="DD110" s="964"/>
      <c r="DE110" s="964"/>
      <c r="DF110" s="965"/>
      <c r="DG110" s="997" t="s">
        <v>441</v>
      </c>
      <c r="DH110" s="998"/>
      <c r="DI110" s="998"/>
      <c r="DJ110" s="998"/>
      <c r="DK110" s="998"/>
      <c r="DL110" s="998" t="s">
        <v>129</v>
      </c>
      <c r="DM110" s="998"/>
      <c r="DN110" s="998"/>
      <c r="DO110" s="998"/>
      <c r="DP110" s="998"/>
      <c r="DQ110" s="998" t="s">
        <v>129</v>
      </c>
      <c r="DR110" s="998"/>
      <c r="DS110" s="998"/>
      <c r="DT110" s="998"/>
      <c r="DU110" s="998"/>
      <c r="DV110" s="999" t="s">
        <v>129</v>
      </c>
      <c r="DW110" s="999"/>
      <c r="DX110" s="999"/>
      <c r="DY110" s="999"/>
      <c r="DZ110" s="1000"/>
    </row>
    <row r="111" spans="1:131" s="226" customFormat="1" ht="26.25" customHeight="1" x14ac:dyDescent="0.2">
      <c r="A111" s="1001" t="s">
        <v>442</v>
      </c>
      <c r="B111" s="1002"/>
      <c r="C111" s="1002"/>
      <c r="D111" s="1002"/>
      <c r="E111" s="1002"/>
      <c r="F111" s="1002"/>
      <c r="G111" s="1002"/>
      <c r="H111" s="1002"/>
      <c r="I111" s="1002"/>
      <c r="J111" s="1002"/>
      <c r="K111" s="1002"/>
      <c r="L111" s="1002"/>
      <c r="M111" s="1002"/>
      <c r="N111" s="1002"/>
      <c r="O111" s="1002"/>
      <c r="P111" s="1002"/>
      <c r="Q111" s="1002"/>
      <c r="R111" s="1002"/>
      <c r="S111" s="1002"/>
      <c r="T111" s="1002"/>
      <c r="U111" s="1002"/>
      <c r="V111" s="1002"/>
      <c r="W111" s="1002"/>
      <c r="X111" s="1002"/>
      <c r="Y111" s="1002"/>
      <c r="Z111" s="1003"/>
      <c r="AA111" s="1004" t="s">
        <v>443</v>
      </c>
      <c r="AB111" s="1005"/>
      <c r="AC111" s="1005"/>
      <c r="AD111" s="1005"/>
      <c r="AE111" s="1006"/>
      <c r="AF111" s="1007" t="s">
        <v>444</v>
      </c>
      <c r="AG111" s="1005"/>
      <c r="AH111" s="1005"/>
      <c r="AI111" s="1005"/>
      <c r="AJ111" s="1006"/>
      <c r="AK111" s="1007" t="s">
        <v>443</v>
      </c>
      <c r="AL111" s="1005"/>
      <c r="AM111" s="1005"/>
      <c r="AN111" s="1005"/>
      <c r="AO111" s="1006"/>
      <c r="AP111" s="1008" t="s">
        <v>441</v>
      </c>
      <c r="AQ111" s="1009"/>
      <c r="AR111" s="1009"/>
      <c r="AS111" s="1009"/>
      <c r="AT111" s="1010"/>
      <c r="AU111" s="975"/>
      <c r="AV111" s="976"/>
      <c r="AW111" s="976"/>
      <c r="AX111" s="976"/>
      <c r="AY111" s="976"/>
      <c r="AZ111" s="989" t="s">
        <v>445</v>
      </c>
      <c r="BA111" s="990"/>
      <c r="BB111" s="990"/>
      <c r="BC111" s="990"/>
      <c r="BD111" s="990"/>
      <c r="BE111" s="990"/>
      <c r="BF111" s="990"/>
      <c r="BG111" s="990"/>
      <c r="BH111" s="990"/>
      <c r="BI111" s="990"/>
      <c r="BJ111" s="990"/>
      <c r="BK111" s="990"/>
      <c r="BL111" s="990"/>
      <c r="BM111" s="990"/>
      <c r="BN111" s="990"/>
      <c r="BO111" s="990"/>
      <c r="BP111" s="991"/>
      <c r="BQ111" s="992">
        <v>3527322</v>
      </c>
      <c r="BR111" s="993"/>
      <c r="BS111" s="993"/>
      <c r="BT111" s="993"/>
      <c r="BU111" s="993"/>
      <c r="BV111" s="993">
        <v>3426074</v>
      </c>
      <c r="BW111" s="993"/>
      <c r="BX111" s="993"/>
      <c r="BY111" s="993"/>
      <c r="BZ111" s="993"/>
      <c r="CA111" s="993">
        <v>3426075</v>
      </c>
      <c r="CB111" s="993"/>
      <c r="CC111" s="993"/>
      <c r="CD111" s="993"/>
      <c r="CE111" s="993"/>
      <c r="CF111" s="987">
        <v>10.199999999999999</v>
      </c>
      <c r="CG111" s="988"/>
      <c r="CH111" s="988"/>
      <c r="CI111" s="988"/>
      <c r="CJ111" s="988"/>
      <c r="CK111" s="1015"/>
      <c r="CL111" s="1016"/>
      <c r="CM111" s="989" t="s">
        <v>446</v>
      </c>
      <c r="CN111" s="990"/>
      <c r="CO111" s="990"/>
      <c r="CP111" s="990"/>
      <c r="CQ111" s="990"/>
      <c r="CR111" s="990"/>
      <c r="CS111" s="990"/>
      <c r="CT111" s="990"/>
      <c r="CU111" s="990"/>
      <c r="CV111" s="990"/>
      <c r="CW111" s="990"/>
      <c r="CX111" s="990"/>
      <c r="CY111" s="990"/>
      <c r="CZ111" s="990"/>
      <c r="DA111" s="990"/>
      <c r="DB111" s="990"/>
      <c r="DC111" s="990"/>
      <c r="DD111" s="990"/>
      <c r="DE111" s="990"/>
      <c r="DF111" s="991"/>
      <c r="DG111" s="992" t="s">
        <v>447</v>
      </c>
      <c r="DH111" s="993"/>
      <c r="DI111" s="993"/>
      <c r="DJ111" s="993"/>
      <c r="DK111" s="993"/>
      <c r="DL111" s="993" t="s">
        <v>443</v>
      </c>
      <c r="DM111" s="993"/>
      <c r="DN111" s="993"/>
      <c r="DO111" s="993"/>
      <c r="DP111" s="993"/>
      <c r="DQ111" s="993" t="s">
        <v>441</v>
      </c>
      <c r="DR111" s="993"/>
      <c r="DS111" s="993"/>
      <c r="DT111" s="993"/>
      <c r="DU111" s="993"/>
      <c r="DV111" s="994" t="s">
        <v>441</v>
      </c>
      <c r="DW111" s="994"/>
      <c r="DX111" s="994"/>
      <c r="DY111" s="994"/>
      <c r="DZ111" s="995"/>
    </row>
    <row r="112" spans="1:131" s="226" customFormat="1" ht="26.25" customHeight="1" x14ac:dyDescent="0.2">
      <c r="A112" s="1019" t="s">
        <v>448</v>
      </c>
      <c r="B112" s="1020"/>
      <c r="C112" s="990" t="s">
        <v>449</v>
      </c>
      <c r="D112" s="990"/>
      <c r="E112" s="990"/>
      <c r="F112" s="990"/>
      <c r="G112" s="990"/>
      <c r="H112" s="990"/>
      <c r="I112" s="990"/>
      <c r="J112" s="990"/>
      <c r="K112" s="990"/>
      <c r="L112" s="990"/>
      <c r="M112" s="990"/>
      <c r="N112" s="990"/>
      <c r="O112" s="990"/>
      <c r="P112" s="990"/>
      <c r="Q112" s="990"/>
      <c r="R112" s="990"/>
      <c r="S112" s="990"/>
      <c r="T112" s="990"/>
      <c r="U112" s="990"/>
      <c r="V112" s="990"/>
      <c r="W112" s="990"/>
      <c r="X112" s="990"/>
      <c r="Y112" s="990"/>
      <c r="Z112" s="991"/>
      <c r="AA112" s="1025" t="s">
        <v>447</v>
      </c>
      <c r="AB112" s="1026"/>
      <c r="AC112" s="1026"/>
      <c r="AD112" s="1026"/>
      <c r="AE112" s="1027"/>
      <c r="AF112" s="1028" t="s">
        <v>450</v>
      </c>
      <c r="AG112" s="1026"/>
      <c r="AH112" s="1026"/>
      <c r="AI112" s="1026"/>
      <c r="AJ112" s="1027"/>
      <c r="AK112" s="1028" t="s">
        <v>441</v>
      </c>
      <c r="AL112" s="1026"/>
      <c r="AM112" s="1026"/>
      <c r="AN112" s="1026"/>
      <c r="AO112" s="1027"/>
      <c r="AP112" s="1029" t="s">
        <v>441</v>
      </c>
      <c r="AQ112" s="1030"/>
      <c r="AR112" s="1030"/>
      <c r="AS112" s="1030"/>
      <c r="AT112" s="1031"/>
      <c r="AU112" s="975"/>
      <c r="AV112" s="976"/>
      <c r="AW112" s="976"/>
      <c r="AX112" s="976"/>
      <c r="AY112" s="976"/>
      <c r="AZ112" s="989" t="s">
        <v>451</v>
      </c>
      <c r="BA112" s="990"/>
      <c r="BB112" s="990"/>
      <c r="BC112" s="990"/>
      <c r="BD112" s="990"/>
      <c r="BE112" s="990"/>
      <c r="BF112" s="990"/>
      <c r="BG112" s="990"/>
      <c r="BH112" s="990"/>
      <c r="BI112" s="990"/>
      <c r="BJ112" s="990"/>
      <c r="BK112" s="990"/>
      <c r="BL112" s="990"/>
      <c r="BM112" s="990"/>
      <c r="BN112" s="990"/>
      <c r="BO112" s="990"/>
      <c r="BP112" s="991"/>
      <c r="BQ112" s="992">
        <v>24031572</v>
      </c>
      <c r="BR112" s="993"/>
      <c r="BS112" s="993"/>
      <c r="BT112" s="993"/>
      <c r="BU112" s="993"/>
      <c r="BV112" s="993">
        <v>22602063</v>
      </c>
      <c r="BW112" s="993"/>
      <c r="BX112" s="993"/>
      <c r="BY112" s="993"/>
      <c r="BZ112" s="993"/>
      <c r="CA112" s="993">
        <v>21396692</v>
      </c>
      <c r="CB112" s="993"/>
      <c r="CC112" s="993"/>
      <c r="CD112" s="993"/>
      <c r="CE112" s="993"/>
      <c r="CF112" s="987">
        <v>63.5</v>
      </c>
      <c r="CG112" s="988"/>
      <c r="CH112" s="988"/>
      <c r="CI112" s="988"/>
      <c r="CJ112" s="988"/>
      <c r="CK112" s="1015"/>
      <c r="CL112" s="1016"/>
      <c r="CM112" s="989" t="s">
        <v>452</v>
      </c>
      <c r="CN112" s="990"/>
      <c r="CO112" s="990"/>
      <c r="CP112" s="990"/>
      <c r="CQ112" s="990"/>
      <c r="CR112" s="990"/>
      <c r="CS112" s="990"/>
      <c r="CT112" s="990"/>
      <c r="CU112" s="990"/>
      <c r="CV112" s="990"/>
      <c r="CW112" s="990"/>
      <c r="CX112" s="990"/>
      <c r="CY112" s="990"/>
      <c r="CZ112" s="990"/>
      <c r="DA112" s="990"/>
      <c r="DB112" s="990"/>
      <c r="DC112" s="990"/>
      <c r="DD112" s="990"/>
      <c r="DE112" s="990"/>
      <c r="DF112" s="991"/>
      <c r="DG112" s="992" t="s">
        <v>443</v>
      </c>
      <c r="DH112" s="993"/>
      <c r="DI112" s="993"/>
      <c r="DJ112" s="993"/>
      <c r="DK112" s="993"/>
      <c r="DL112" s="993" t="s">
        <v>441</v>
      </c>
      <c r="DM112" s="993"/>
      <c r="DN112" s="993"/>
      <c r="DO112" s="993"/>
      <c r="DP112" s="993"/>
      <c r="DQ112" s="993" t="s">
        <v>443</v>
      </c>
      <c r="DR112" s="993"/>
      <c r="DS112" s="993"/>
      <c r="DT112" s="993"/>
      <c r="DU112" s="993"/>
      <c r="DV112" s="994" t="s">
        <v>450</v>
      </c>
      <c r="DW112" s="994"/>
      <c r="DX112" s="994"/>
      <c r="DY112" s="994"/>
      <c r="DZ112" s="995"/>
    </row>
    <row r="113" spans="1:130" s="226" customFormat="1" ht="26.25" customHeight="1" x14ac:dyDescent="0.2">
      <c r="A113" s="1021"/>
      <c r="B113" s="1022"/>
      <c r="C113" s="990" t="s">
        <v>453</v>
      </c>
      <c r="D113" s="990"/>
      <c r="E113" s="990"/>
      <c r="F113" s="990"/>
      <c r="G113" s="990"/>
      <c r="H113" s="990"/>
      <c r="I113" s="990"/>
      <c r="J113" s="990"/>
      <c r="K113" s="990"/>
      <c r="L113" s="990"/>
      <c r="M113" s="990"/>
      <c r="N113" s="990"/>
      <c r="O113" s="990"/>
      <c r="P113" s="990"/>
      <c r="Q113" s="990"/>
      <c r="R113" s="990"/>
      <c r="S113" s="990"/>
      <c r="T113" s="990"/>
      <c r="U113" s="990"/>
      <c r="V113" s="990"/>
      <c r="W113" s="990"/>
      <c r="X113" s="990"/>
      <c r="Y113" s="990"/>
      <c r="Z113" s="991"/>
      <c r="AA113" s="1004">
        <v>2187493</v>
      </c>
      <c r="AB113" s="1005"/>
      <c r="AC113" s="1005"/>
      <c r="AD113" s="1005"/>
      <c r="AE113" s="1006"/>
      <c r="AF113" s="1007">
        <v>1924174</v>
      </c>
      <c r="AG113" s="1005"/>
      <c r="AH113" s="1005"/>
      <c r="AI113" s="1005"/>
      <c r="AJ113" s="1006"/>
      <c r="AK113" s="1007">
        <v>1916185</v>
      </c>
      <c r="AL113" s="1005"/>
      <c r="AM113" s="1005"/>
      <c r="AN113" s="1005"/>
      <c r="AO113" s="1006"/>
      <c r="AP113" s="1008">
        <v>5.7</v>
      </c>
      <c r="AQ113" s="1009"/>
      <c r="AR113" s="1009"/>
      <c r="AS113" s="1009"/>
      <c r="AT113" s="1010"/>
      <c r="AU113" s="975"/>
      <c r="AV113" s="976"/>
      <c r="AW113" s="976"/>
      <c r="AX113" s="976"/>
      <c r="AY113" s="976"/>
      <c r="AZ113" s="989" t="s">
        <v>454</v>
      </c>
      <c r="BA113" s="990"/>
      <c r="BB113" s="990"/>
      <c r="BC113" s="990"/>
      <c r="BD113" s="990"/>
      <c r="BE113" s="990"/>
      <c r="BF113" s="990"/>
      <c r="BG113" s="990"/>
      <c r="BH113" s="990"/>
      <c r="BI113" s="990"/>
      <c r="BJ113" s="990"/>
      <c r="BK113" s="990"/>
      <c r="BL113" s="990"/>
      <c r="BM113" s="990"/>
      <c r="BN113" s="990"/>
      <c r="BO113" s="990"/>
      <c r="BP113" s="991"/>
      <c r="BQ113" s="992" t="s">
        <v>441</v>
      </c>
      <c r="BR113" s="993"/>
      <c r="BS113" s="993"/>
      <c r="BT113" s="993"/>
      <c r="BU113" s="993"/>
      <c r="BV113" s="993" t="s">
        <v>450</v>
      </c>
      <c r="BW113" s="993"/>
      <c r="BX113" s="993"/>
      <c r="BY113" s="993"/>
      <c r="BZ113" s="993"/>
      <c r="CA113" s="993" t="s">
        <v>450</v>
      </c>
      <c r="CB113" s="993"/>
      <c r="CC113" s="993"/>
      <c r="CD113" s="993"/>
      <c r="CE113" s="993"/>
      <c r="CF113" s="987" t="s">
        <v>441</v>
      </c>
      <c r="CG113" s="988"/>
      <c r="CH113" s="988"/>
      <c r="CI113" s="988"/>
      <c r="CJ113" s="988"/>
      <c r="CK113" s="1015"/>
      <c r="CL113" s="1016"/>
      <c r="CM113" s="989" t="s">
        <v>455</v>
      </c>
      <c r="CN113" s="990"/>
      <c r="CO113" s="990"/>
      <c r="CP113" s="990"/>
      <c r="CQ113" s="990"/>
      <c r="CR113" s="990"/>
      <c r="CS113" s="990"/>
      <c r="CT113" s="990"/>
      <c r="CU113" s="990"/>
      <c r="CV113" s="990"/>
      <c r="CW113" s="990"/>
      <c r="CX113" s="990"/>
      <c r="CY113" s="990"/>
      <c r="CZ113" s="990"/>
      <c r="DA113" s="990"/>
      <c r="DB113" s="990"/>
      <c r="DC113" s="990"/>
      <c r="DD113" s="990"/>
      <c r="DE113" s="990"/>
      <c r="DF113" s="991"/>
      <c r="DG113" s="1025" t="s">
        <v>441</v>
      </c>
      <c r="DH113" s="1026"/>
      <c r="DI113" s="1026"/>
      <c r="DJ113" s="1026"/>
      <c r="DK113" s="1027"/>
      <c r="DL113" s="1028" t="s">
        <v>441</v>
      </c>
      <c r="DM113" s="1026"/>
      <c r="DN113" s="1026"/>
      <c r="DO113" s="1026"/>
      <c r="DP113" s="1027"/>
      <c r="DQ113" s="1028" t="s">
        <v>441</v>
      </c>
      <c r="DR113" s="1026"/>
      <c r="DS113" s="1026"/>
      <c r="DT113" s="1026"/>
      <c r="DU113" s="1027"/>
      <c r="DV113" s="1029" t="s">
        <v>443</v>
      </c>
      <c r="DW113" s="1030"/>
      <c r="DX113" s="1030"/>
      <c r="DY113" s="1030"/>
      <c r="DZ113" s="1031"/>
    </row>
    <row r="114" spans="1:130" s="226" customFormat="1" ht="26.25" customHeight="1" x14ac:dyDescent="0.2">
      <c r="A114" s="1021"/>
      <c r="B114" s="1022"/>
      <c r="C114" s="990" t="s">
        <v>456</v>
      </c>
      <c r="D114" s="990"/>
      <c r="E114" s="990"/>
      <c r="F114" s="990"/>
      <c r="G114" s="990"/>
      <c r="H114" s="990"/>
      <c r="I114" s="990"/>
      <c r="J114" s="990"/>
      <c r="K114" s="990"/>
      <c r="L114" s="990"/>
      <c r="M114" s="990"/>
      <c r="N114" s="990"/>
      <c r="O114" s="990"/>
      <c r="P114" s="990"/>
      <c r="Q114" s="990"/>
      <c r="R114" s="990"/>
      <c r="S114" s="990"/>
      <c r="T114" s="990"/>
      <c r="U114" s="990"/>
      <c r="V114" s="990"/>
      <c r="W114" s="990"/>
      <c r="X114" s="990"/>
      <c r="Y114" s="990"/>
      <c r="Z114" s="991"/>
      <c r="AA114" s="1025" t="s">
        <v>450</v>
      </c>
      <c r="AB114" s="1026"/>
      <c r="AC114" s="1026"/>
      <c r="AD114" s="1026"/>
      <c r="AE114" s="1027"/>
      <c r="AF114" s="1028" t="s">
        <v>457</v>
      </c>
      <c r="AG114" s="1026"/>
      <c r="AH114" s="1026"/>
      <c r="AI114" s="1026"/>
      <c r="AJ114" s="1027"/>
      <c r="AK114" s="1028" t="s">
        <v>441</v>
      </c>
      <c r="AL114" s="1026"/>
      <c r="AM114" s="1026"/>
      <c r="AN114" s="1026"/>
      <c r="AO114" s="1027"/>
      <c r="AP114" s="1029" t="s">
        <v>450</v>
      </c>
      <c r="AQ114" s="1030"/>
      <c r="AR114" s="1030"/>
      <c r="AS114" s="1030"/>
      <c r="AT114" s="1031"/>
      <c r="AU114" s="975"/>
      <c r="AV114" s="976"/>
      <c r="AW114" s="976"/>
      <c r="AX114" s="976"/>
      <c r="AY114" s="976"/>
      <c r="AZ114" s="989" t="s">
        <v>458</v>
      </c>
      <c r="BA114" s="990"/>
      <c r="BB114" s="990"/>
      <c r="BC114" s="990"/>
      <c r="BD114" s="990"/>
      <c r="BE114" s="990"/>
      <c r="BF114" s="990"/>
      <c r="BG114" s="990"/>
      <c r="BH114" s="990"/>
      <c r="BI114" s="990"/>
      <c r="BJ114" s="990"/>
      <c r="BK114" s="990"/>
      <c r="BL114" s="990"/>
      <c r="BM114" s="990"/>
      <c r="BN114" s="990"/>
      <c r="BO114" s="990"/>
      <c r="BP114" s="991"/>
      <c r="BQ114" s="992">
        <v>8254177</v>
      </c>
      <c r="BR114" s="993"/>
      <c r="BS114" s="993"/>
      <c r="BT114" s="993"/>
      <c r="BU114" s="993"/>
      <c r="BV114" s="993">
        <v>8173527</v>
      </c>
      <c r="BW114" s="993"/>
      <c r="BX114" s="993"/>
      <c r="BY114" s="993"/>
      <c r="BZ114" s="993"/>
      <c r="CA114" s="993">
        <v>7605732</v>
      </c>
      <c r="CB114" s="993"/>
      <c r="CC114" s="993"/>
      <c r="CD114" s="993"/>
      <c r="CE114" s="993"/>
      <c r="CF114" s="987">
        <v>22.6</v>
      </c>
      <c r="CG114" s="988"/>
      <c r="CH114" s="988"/>
      <c r="CI114" s="988"/>
      <c r="CJ114" s="988"/>
      <c r="CK114" s="1015"/>
      <c r="CL114" s="1016"/>
      <c r="CM114" s="989" t="s">
        <v>459</v>
      </c>
      <c r="CN114" s="990"/>
      <c r="CO114" s="990"/>
      <c r="CP114" s="990"/>
      <c r="CQ114" s="990"/>
      <c r="CR114" s="990"/>
      <c r="CS114" s="990"/>
      <c r="CT114" s="990"/>
      <c r="CU114" s="990"/>
      <c r="CV114" s="990"/>
      <c r="CW114" s="990"/>
      <c r="CX114" s="990"/>
      <c r="CY114" s="990"/>
      <c r="CZ114" s="990"/>
      <c r="DA114" s="990"/>
      <c r="DB114" s="990"/>
      <c r="DC114" s="990"/>
      <c r="DD114" s="990"/>
      <c r="DE114" s="990"/>
      <c r="DF114" s="991"/>
      <c r="DG114" s="1025" t="s">
        <v>441</v>
      </c>
      <c r="DH114" s="1026"/>
      <c r="DI114" s="1026"/>
      <c r="DJ114" s="1026"/>
      <c r="DK114" s="1027"/>
      <c r="DL114" s="1028" t="s">
        <v>441</v>
      </c>
      <c r="DM114" s="1026"/>
      <c r="DN114" s="1026"/>
      <c r="DO114" s="1026"/>
      <c r="DP114" s="1027"/>
      <c r="DQ114" s="1028" t="s">
        <v>441</v>
      </c>
      <c r="DR114" s="1026"/>
      <c r="DS114" s="1026"/>
      <c r="DT114" s="1026"/>
      <c r="DU114" s="1027"/>
      <c r="DV114" s="1029" t="s">
        <v>441</v>
      </c>
      <c r="DW114" s="1030"/>
      <c r="DX114" s="1030"/>
      <c r="DY114" s="1030"/>
      <c r="DZ114" s="1031"/>
    </row>
    <row r="115" spans="1:130" s="226" customFormat="1" ht="26.25" customHeight="1" x14ac:dyDescent="0.2">
      <c r="A115" s="1021"/>
      <c r="B115" s="1022"/>
      <c r="C115" s="990" t="s">
        <v>460</v>
      </c>
      <c r="D115" s="990"/>
      <c r="E115" s="990"/>
      <c r="F115" s="990"/>
      <c r="G115" s="990"/>
      <c r="H115" s="990"/>
      <c r="I115" s="990"/>
      <c r="J115" s="990"/>
      <c r="K115" s="990"/>
      <c r="L115" s="990"/>
      <c r="M115" s="990"/>
      <c r="N115" s="990"/>
      <c r="O115" s="990"/>
      <c r="P115" s="990"/>
      <c r="Q115" s="990"/>
      <c r="R115" s="990"/>
      <c r="S115" s="990"/>
      <c r="T115" s="990"/>
      <c r="U115" s="990"/>
      <c r="V115" s="990"/>
      <c r="W115" s="990"/>
      <c r="X115" s="990"/>
      <c r="Y115" s="990"/>
      <c r="Z115" s="991"/>
      <c r="AA115" s="1004">
        <v>118551</v>
      </c>
      <c r="AB115" s="1005"/>
      <c r="AC115" s="1005"/>
      <c r="AD115" s="1005"/>
      <c r="AE115" s="1006"/>
      <c r="AF115" s="1007" t="s">
        <v>441</v>
      </c>
      <c r="AG115" s="1005"/>
      <c r="AH115" s="1005"/>
      <c r="AI115" s="1005"/>
      <c r="AJ115" s="1006"/>
      <c r="AK115" s="1007" t="s">
        <v>441</v>
      </c>
      <c r="AL115" s="1005"/>
      <c r="AM115" s="1005"/>
      <c r="AN115" s="1005"/>
      <c r="AO115" s="1006"/>
      <c r="AP115" s="1008" t="s">
        <v>441</v>
      </c>
      <c r="AQ115" s="1009"/>
      <c r="AR115" s="1009"/>
      <c r="AS115" s="1009"/>
      <c r="AT115" s="1010"/>
      <c r="AU115" s="975"/>
      <c r="AV115" s="976"/>
      <c r="AW115" s="976"/>
      <c r="AX115" s="976"/>
      <c r="AY115" s="976"/>
      <c r="AZ115" s="989" t="s">
        <v>461</v>
      </c>
      <c r="BA115" s="990"/>
      <c r="BB115" s="990"/>
      <c r="BC115" s="990"/>
      <c r="BD115" s="990"/>
      <c r="BE115" s="990"/>
      <c r="BF115" s="990"/>
      <c r="BG115" s="990"/>
      <c r="BH115" s="990"/>
      <c r="BI115" s="990"/>
      <c r="BJ115" s="990"/>
      <c r="BK115" s="990"/>
      <c r="BL115" s="990"/>
      <c r="BM115" s="990"/>
      <c r="BN115" s="990"/>
      <c r="BO115" s="990"/>
      <c r="BP115" s="991"/>
      <c r="BQ115" s="992" t="s">
        <v>450</v>
      </c>
      <c r="BR115" s="993"/>
      <c r="BS115" s="993"/>
      <c r="BT115" s="993"/>
      <c r="BU115" s="993"/>
      <c r="BV115" s="993" t="s">
        <v>441</v>
      </c>
      <c r="BW115" s="993"/>
      <c r="BX115" s="993"/>
      <c r="BY115" s="993"/>
      <c r="BZ115" s="993"/>
      <c r="CA115" s="993" t="s">
        <v>441</v>
      </c>
      <c r="CB115" s="993"/>
      <c r="CC115" s="993"/>
      <c r="CD115" s="993"/>
      <c r="CE115" s="993"/>
      <c r="CF115" s="987" t="s">
        <v>441</v>
      </c>
      <c r="CG115" s="988"/>
      <c r="CH115" s="988"/>
      <c r="CI115" s="988"/>
      <c r="CJ115" s="988"/>
      <c r="CK115" s="1015"/>
      <c r="CL115" s="1016"/>
      <c r="CM115" s="989" t="s">
        <v>462</v>
      </c>
      <c r="CN115" s="990"/>
      <c r="CO115" s="990"/>
      <c r="CP115" s="990"/>
      <c r="CQ115" s="990"/>
      <c r="CR115" s="990"/>
      <c r="CS115" s="990"/>
      <c r="CT115" s="990"/>
      <c r="CU115" s="990"/>
      <c r="CV115" s="990"/>
      <c r="CW115" s="990"/>
      <c r="CX115" s="990"/>
      <c r="CY115" s="990"/>
      <c r="CZ115" s="990"/>
      <c r="DA115" s="990"/>
      <c r="DB115" s="990"/>
      <c r="DC115" s="990"/>
      <c r="DD115" s="990"/>
      <c r="DE115" s="990"/>
      <c r="DF115" s="991"/>
      <c r="DG115" s="1025">
        <v>3527322</v>
      </c>
      <c r="DH115" s="1026"/>
      <c r="DI115" s="1026"/>
      <c r="DJ115" s="1026"/>
      <c r="DK115" s="1027"/>
      <c r="DL115" s="1028">
        <v>3426074</v>
      </c>
      <c r="DM115" s="1026"/>
      <c r="DN115" s="1026"/>
      <c r="DO115" s="1026"/>
      <c r="DP115" s="1027"/>
      <c r="DQ115" s="1028">
        <v>3426075</v>
      </c>
      <c r="DR115" s="1026"/>
      <c r="DS115" s="1026"/>
      <c r="DT115" s="1026"/>
      <c r="DU115" s="1027"/>
      <c r="DV115" s="1029">
        <v>10.199999999999999</v>
      </c>
      <c r="DW115" s="1030"/>
      <c r="DX115" s="1030"/>
      <c r="DY115" s="1030"/>
      <c r="DZ115" s="1031"/>
    </row>
    <row r="116" spans="1:130" s="226" customFormat="1" ht="26.25" customHeight="1" x14ac:dyDescent="0.2">
      <c r="A116" s="1023"/>
      <c r="B116" s="1024"/>
      <c r="C116" s="1032" t="s">
        <v>463</v>
      </c>
      <c r="D116" s="1032"/>
      <c r="E116" s="1032"/>
      <c r="F116" s="1032"/>
      <c r="G116" s="1032"/>
      <c r="H116" s="1032"/>
      <c r="I116" s="1032"/>
      <c r="J116" s="1032"/>
      <c r="K116" s="1032"/>
      <c r="L116" s="1032"/>
      <c r="M116" s="1032"/>
      <c r="N116" s="1032"/>
      <c r="O116" s="1032"/>
      <c r="P116" s="1032"/>
      <c r="Q116" s="1032"/>
      <c r="R116" s="1032"/>
      <c r="S116" s="1032"/>
      <c r="T116" s="1032"/>
      <c r="U116" s="1032"/>
      <c r="V116" s="1032"/>
      <c r="W116" s="1032"/>
      <c r="X116" s="1032"/>
      <c r="Y116" s="1032"/>
      <c r="Z116" s="1033"/>
      <c r="AA116" s="1025" t="s">
        <v>450</v>
      </c>
      <c r="AB116" s="1026"/>
      <c r="AC116" s="1026"/>
      <c r="AD116" s="1026"/>
      <c r="AE116" s="1027"/>
      <c r="AF116" s="1028" t="s">
        <v>441</v>
      </c>
      <c r="AG116" s="1026"/>
      <c r="AH116" s="1026"/>
      <c r="AI116" s="1026"/>
      <c r="AJ116" s="1027"/>
      <c r="AK116" s="1028" t="s">
        <v>450</v>
      </c>
      <c r="AL116" s="1026"/>
      <c r="AM116" s="1026"/>
      <c r="AN116" s="1026"/>
      <c r="AO116" s="1027"/>
      <c r="AP116" s="1029" t="s">
        <v>457</v>
      </c>
      <c r="AQ116" s="1030"/>
      <c r="AR116" s="1030"/>
      <c r="AS116" s="1030"/>
      <c r="AT116" s="1031"/>
      <c r="AU116" s="975"/>
      <c r="AV116" s="976"/>
      <c r="AW116" s="976"/>
      <c r="AX116" s="976"/>
      <c r="AY116" s="976"/>
      <c r="AZ116" s="1034" t="s">
        <v>464</v>
      </c>
      <c r="BA116" s="1035"/>
      <c r="BB116" s="1035"/>
      <c r="BC116" s="1035"/>
      <c r="BD116" s="1035"/>
      <c r="BE116" s="1035"/>
      <c r="BF116" s="1035"/>
      <c r="BG116" s="1035"/>
      <c r="BH116" s="1035"/>
      <c r="BI116" s="1035"/>
      <c r="BJ116" s="1035"/>
      <c r="BK116" s="1035"/>
      <c r="BL116" s="1035"/>
      <c r="BM116" s="1035"/>
      <c r="BN116" s="1035"/>
      <c r="BO116" s="1035"/>
      <c r="BP116" s="1036"/>
      <c r="BQ116" s="992" t="s">
        <v>441</v>
      </c>
      <c r="BR116" s="993"/>
      <c r="BS116" s="993"/>
      <c r="BT116" s="993"/>
      <c r="BU116" s="993"/>
      <c r="BV116" s="993" t="s">
        <v>441</v>
      </c>
      <c r="BW116" s="993"/>
      <c r="BX116" s="993"/>
      <c r="BY116" s="993"/>
      <c r="BZ116" s="993"/>
      <c r="CA116" s="993" t="s">
        <v>441</v>
      </c>
      <c r="CB116" s="993"/>
      <c r="CC116" s="993"/>
      <c r="CD116" s="993"/>
      <c r="CE116" s="993"/>
      <c r="CF116" s="987" t="s">
        <v>441</v>
      </c>
      <c r="CG116" s="988"/>
      <c r="CH116" s="988"/>
      <c r="CI116" s="988"/>
      <c r="CJ116" s="988"/>
      <c r="CK116" s="1015"/>
      <c r="CL116" s="1016"/>
      <c r="CM116" s="989" t="s">
        <v>465</v>
      </c>
      <c r="CN116" s="990"/>
      <c r="CO116" s="990"/>
      <c r="CP116" s="990"/>
      <c r="CQ116" s="990"/>
      <c r="CR116" s="990"/>
      <c r="CS116" s="990"/>
      <c r="CT116" s="990"/>
      <c r="CU116" s="990"/>
      <c r="CV116" s="990"/>
      <c r="CW116" s="990"/>
      <c r="CX116" s="990"/>
      <c r="CY116" s="990"/>
      <c r="CZ116" s="990"/>
      <c r="DA116" s="990"/>
      <c r="DB116" s="990"/>
      <c r="DC116" s="990"/>
      <c r="DD116" s="990"/>
      <c r="DE116" s="990"/>
      <c r="DF116" s="991"/>
      <c r="DG116" s="1025" t="s">
        <v>447</v>
      </c>
      <c r="DH116" s="1026"/>
      <c r="DI116" s="1026"/>
      <c r="DJ116" s="1026"/>
      <c r="DK116" s="1027"/>
      <c r="DL116" s="1028" t="s">
        <v>441</v>
      </c>
      <c r="DM116" s="1026"/>
      <c r="DN116" s="1026"/>
      <c r="DO116" s="1026"/>
      <c r="DP116" s="1027"/>
      <c r="DQ116" s="1028" t="s">
        <v>443</v>
      </c>
      <c r="DR116" s="1026"/>
      <c r="DS116" s="1026"/>
      <c r="DT116" s="1026"/>
      <c r="DU116" s="1027"/>
      <c r="DV116" s="1029" t="s">
        <v>441</v>
      </c>
      <c r="DW116" s="1030"/>
      <c r="DX116" s="1030"/>
      <c r="DY116" s="1030"/>
      <c r="DZ116" s="1031"/>
    </row>
    <row r="117" spans="1:130" s="226" customFormat="1" ht="26.25" customHeight="1" x14ac:dyDescent="0.2">
      <c r="A117" s="979" t="s">
        <v>188</v>
      </c>
      <c r="B117" s="960"/>
      <c r="C117" s="960"/>
      <c r="D117" s="960"/>
      <c r="E117" s="960"/>
      <c r="F117" s="960"/>
      <c r="G117" s="960"/>
      <c r="H117" s="960"/>
      <c r="I117" s="960"/>
      <c r="J117" s="960"/>
      <c r="K117" s="960"/>
      <c r="L117" s="960"/>
      <c r="M117" s="960"/>
      <c r="N117" s="960"/>
      <c r="O117" s="960"/>
      <c r="P117" s="960"/>
      <c r="Q117" s="960"/>
      <c r="R117" s="960"/>
      <c r="S117" s="960"/>
      <c r="T117" s="960"/>
      <c r="U117" s="960"/>
      <c r="V117" s="960"/>
      <c r="W117" s="960"/>
      <c r="X117" s="960"/>
      <c r="Y117" s="1044" t="s">
        <v>466</v>
      </c>
      <c r="Z117" s="961"/>
      <c r="AA117" s="1045">
        <v>6782379</v>
      </c>
      <c r="AB117" s="1046"/>
      <c r="AC117" s="1046"/>
      <c r="AD117" s="1046"/>
      <c r="AE117" s="1047"/>
      <c r="AF117" s="1048">
        <v>6283054</v>
      </c>
      <c r="AG117" s="1046"/>
      <c r="AH117" s="1046"/>
      <c r="AI117" s="1046"/>
      <c r="AJ117" s="1047"/>
      <c r="AK117" s="1048">
        <v>6146316</v>
      </c>
      <c r="AL117" s="1046"/>
      <c r="AM117" s="1046"/>
      <c r="AN117" s="1046"/>
      <c r="AO117" s="1047"/>
      <c r="AP117" s="1049"/>
      <c r="AQ117" s="1050"/>
      <c r="AR117" s="1050"/>
      <c r="AS117" s="1050"/>
      <c r="AT117" s="1051"/>
      <c r="AU117" s="975"/>
      <c r="AV117" s="976"/>
      <c r="AW117" s="976"/>
      <c r="AX117" s="976"/>
      <c r="AY117" s="976"/>
      <c r="AZ117" s="1041" t="s">
        <v>467</v>
      </c>
      <c r="BA117" s="1042"/>
      <c r="BB117" s="1042"/>
      <c r="BC117" s="1042"/>
      <c r="BD117" s="1042"/>
      <c r="BE117" s="1042"/>
      <c r="BF117" s="1042"/>
      <c r="BG117" s="1042"/>
      <c r="BH117" s="1042"/>
      <c r="BI117" s="1042"/>
      <c r="BJ117" s="1042"/>
      <c r="BK117" s="1042"/>
      <c r="BL117" s="1042"/>
      <c r="BM117" s="1042"/>
      <c r="BN117" s="1042"/>
      <c r="BO117" s="1042"/>
      <c r="BP117" s="1043"/>
      <c r="BQ117" s="992" t="s">
        <v>441</v>
      </c>
      <c r="BR117" s="993"/>
      <c r="BS117" s="993"/>
      <c r="BT117" s="993"/>
      <c r="BU117" s="993"/>
      <c r="BV117" s="993" t="s">
        <v>441</v>
      </c>
      <c r="BW117" s="993"/>
      <c r="BX117" s="993"/>
      <c r="BY117" s="993"/>
      <c r="BZ117" s="993"/>
      <c r="CA117" s="993" t="s">
        <v>443</v>
      </c>
      <c r="CB117" s="993"/>
      <c r="CC117" s="993"/>
      <c r="CD117" s="993"/>
      <c r="CE117" s="993"/>
      <c r="CF117" s="987" t="s">
        <v>441</v>
      </c>
      <c r="CG117" s="988"/>
      <c r="CH117" s="988"/>
      <c r="CI117" s="988"/>
      <c r="CJ117" s="988"/>
      <c r="CK117" s="1015"/>
      <c r="CL117" s="1016"/>
      <c r="CM117" s="989" t="s">
        <v>468</v>
      </c>
      <c r="CN117" s="990"/>
      <c r="CO117" s="990"/>
      <c r="CP117" s="990"/>
      <c r="CQ117" s="990"/>
      <c r="CR117" s="990"/>
      <c r="CS117" s="990"/>
      <c r="CT117" s="990"/>
      <c r="CU117" s="990"/>
      <c r="CV117" s="990"/>
      <c r="CW117" s="990"/>
      <c r="CX117" s="990"/>
      <c r="CY117" s="990"/>
      <c r="CZ117" s="990"/>
      <c r="DA117" s="990"/>
      <c r="DB117" s="990"/>
      <c r="DC117" s="990"/>
      <c r="DD117" s="990"/>
      <c r="DE117" s="990"/>
      <c r="DF117" s="991"/>
      <c r="DG117" s="1025" t="s">
        <v>441</v>
      </c>
      <c r="DH117" s="1026"/>
      <c r="DI117" s="1026"/>
      <c r="DJ117" s="1026"/>
      <c r="DK117" s="1027"/>
      <c r="DL117" s="1028" t="s">
        <v>441</v>
      </c>
      <c r="DM117" s="1026"/>
      <c r="DN117" s="1026"/>
      <c r="DO117" s="1026"/>
      <c r="DP117" s="1027"/>
      <c r="DQ117" s="1028" t="s">
        <v>441</v>
      </c>
      <c r="DR117" s="1026"/>
      <c r="DS117" s="1026"/>
      <c r="DT117" s="1026"/>
      <c r="DU117" s="1027"/>
      <c r="DV117" s="1029" t="s">
        <v>450</v>
      </c>
      <c r="DW117" s="1030"/>
      <c r="DX117" s="1030"/>
      <c r="DY117" s="1030"/>
      <c r="DZ117" s="1031"/>
    </row>
    <row r="118" spans="1:130" s="226" customFormat="1" ht="26.25" customHeight="1" x14ac:dyDescent="0.2">
      <c r="A118" s="979" t="s">
        <v>436</v>
      </c>
      <c r="B118" s="960"/>
      <c r="C118" s="960"/>
      <c r="D118" s="960"/>
      <c r="E118" s="960"/>
      <c r="F118" s="960"/>
      <c r="G118" s="960"/>
      <c r="H118" s="960"/>
      <c r="I118" s="960"/>
      <c r="J118" s="960"/>
      <c r="K118" s="960"/>
      <c r="L118" s="960"/>
      <c r="M118" s="960"/>
      <c r="N118" s="960"/>
      <c r="O118" s="960"/>
      <c r="P118" s="960"/>
      <c r="Q118" s="960"/>
      <c r="R118" s="960"/>
      <c r="S118" s="960"/>
      <c r="T118" s="960"/>
      <c r="U118" s="960"/>
      <c r="V118" s="960"/>
      <c r="W118" s="960"/>
      <c r="X118" s="960"/>
      <c r="Y118" s="960"/>
      <c r="Z118" s="961"/>
      <c r="AA118" s="959" t="s">
        <v>433</v>
      </c>
      <c r="AB118" s="960"/>
      <c r="AC118" s="960"/>
      <c r="AD118" s="960"/>
      <c r="AE118" s="961"/>
      <c r="AF118" s="959" t="s">
        <v>434</v>
      </c>
      <c r="AG118" s="960"/>
      <c r="AH118" s="960"/>
      <c r="AI118" s="960"/>
      <c r="AJ118" s="961"/>
      <c r="AK118" s="959" t="s">
        <v>307</v>
      </c>
      <c r="AL118" s="960"/>
      <c r="AM118" s="960"/>
      <c r="AN118" s="960"/>
      <c r="AO118" s="961"/>
      <c r="AP118" s="1037" t="s">
        <v>435</v>
      </c>
      <c r="AQ118" s="1038"/>
      <c r="AR118" s="1038"/>
      <c r="AS118" s="1038"/>
      <c r="AT118" s="1039"/>
      <c r="AU118" s="975"/>
      <c r="AV118" s="976"/>
      <c r="AW118" s="976"/>
      <c r="AX118" s="976"/>
      <c r="AY118" s="976"/>
      <c r="AZ118" s="1040" t="s">
        <v>469</v>
      </c>
      <c r="BA118" s="1032"/>
      <c r="BB118" s="1032"/>
      <c r="BC118" s="1032"/>
      <c r="BD118" s="1032"/>
      <c r="BE118" s="1032"/>
      <c r="BF118" s="1032"/>
      <c r="BG118" s="1032"/>
      <c r="BH118" s="1032"/>
      <c r="BI118" s="1032"/>
      <c r="BJ118" s="1032"/>
      <c r="BK118" s="1032"/>
      <c r="BL118" s="1032"/>
      <c r="BM118" s="1032"/>
      <c r="BN118" s="1032"/>
      <c r="BO118" s="1032"/>
      <c r="BP118" s="1033"/>
      <c r="BQ118" s="1066" t="s">
        <v>443</v>
      </c>
      <c r="BR118" s="1067"/>
      <c r="BS118" s="1067"/>
      <c r="BT118" s="1067"/>
      <c r="BU118" s="1067"/>
      <c r="BV118" s="1067" t="s">
        <v>443</v>
      </c>
      <c r="BW118" s="1067"/>
      <c r="BX118" s="1067"/>
      <c r="BY118" s="1067"/>
      <c r="BZ118" s="1067"/>
      <c r="CA118" s="1067" t="s">
        <v>443</v>
      </c>
      <c r="CB118" s="1067"/>
      <c r="CC118" s="1067"/>
      <c r="CD118" s="1067"/>
      <c r="CE118" s="1067"/>
      <c r="CF118" s="987" t="s">
        <v>443</v>
      </c>
      <c r="CG118" s="988"/>
      <c r="CH118" s="988"/>
      <c r="CI118" s="988"/>
      <c r="CJ118" s="988"/>
      <c r="CK118" s="1015"/>
      <c r="CL118" s="1016"/>
      <c r="CM118" s="989" t="s">
        <v>470</v>
      </c>
      <c r="CN118" s="990"/>
      <c r="CO118" s="990"/>
      <c r="CP118" s="990"/>
      <c r="CQ118" s="990"/>
      <c r="CR118" s="990"/>
      <c r="CS118" s="990"/>
      <c r="CT118" s="990"/>
      <c r="CU118" s="990"/>
      <c r="CV118" s="990"/>
      <c r="CW118" s="990"/>
      <c r="CX118" s="990"/>
      <c r="CY118" s="990"/>
      <c r="CZ118" s="990"/>
      <c r="DA118" s="990"/>
      <c r="DB118" s="990"/>
      <c r="DC118" s="990"/>
      <c r="DD118" s="990"/>
      <c r="DE118" s="990"/>
      <c r="DF118" s="991"/>
      <c r="DG118" s="1025" t="s">
        <v>441</v>
      </c>
      <c r="DH118" s="1026"/>
      <c r="DI118" s="1026"/>
      <c r="DJ118" s="1026"/>
      <c r="DK118" s="1027"/>
      <c r="DL118" s="1028" t="s">
        <v>441</v>
      </c>
      <c r="DM118" s="1026"/>
      <c r="DN118" s="1026"/>
      <c r="DO118" s="1026"/>
      <c r="DP118" s="1027"/>
      <c r="DQ118" s="1028" t="s">
        <v>441</v>
      </c>
      <c r="DR118" s="1026"/>
      <c r="DS118" s="1026"/>
      <c r="DT118" s="1026"/>
      <c r="DU118" s="1027"/>
      <c r="DV118" s="1029" t="s">
        <v>443</v>
      </c>
      <c r="DW118" s="1030"/>
      <c r="DX118" s="1030"/>
      <c r="DY118" s="1030"/>
      <c r="DZ118" s="1031"/>
    </row>
    <row r="119" spans="1:130" s="226" customFormat="1" ht="26.25" customHeight="1" x14ac:dyDescent="0.2">
      <c r="A119" s="1123" t="s">
        <v>439</v>
      </c>
      <c r="B119" s="1014"/>
      <c r="C119" s="996" t="s">
        <v>440</v>
      </c>
      <c r="D119" s="964"/>
      <c r="E119" s="964"/>
      <c r="F119" s="964"/>
      <c r="G119" s="964"/>
      <c r="H119" s="964"/>
      <c r="I119" s="964"/>
      <c r="J119" s="964"/>
      <c r="K119" s="964"/>
      <c r="L119" s="964"/>
      <c r="M119" s="964"/>
      <c r="N119" s="964"/>
      <c r="O119" s="964"/>
      <c r="P119" s="964"/>
      <c r="Q119" s="964"/>
      <c r="R119" s="964"/>
      <c r="S119" s="964"/>
      <c r="T119" s="964"/>
      <c r="U119" s="964"/>
      <c r="V119" s="964"/>
      <c r="W119" s="964"/>
      <c r="X119" s="964"/>
      <c r="Y119" s="964"/>
      <c r="Z119" s="965"/>
      <c r="AA119" s="966">
        <v>70220</v>
      </c>
      <c r="AB119" s="967"/>
      <c r="AC119" s="967"/>
      <c r="AD119" s="967"/>
      <c r="AE119" s="968"/>
      <c r="AF119" s="969" t="s">
        <v>443</v>
      </c>
      <c r="AG119" s="967"/>
      <c r="AH119" s="967"/>
      <c r="AI119" s="967"/>
      <c r="AJ119" s="968"/>
      <c r="AK119" s="969" t="s">
        <v>441</v>
      </c>
      <c r="AL119" s="967"/>
      <c r="AM119" s="967"/>
      <c r="AN119" s="967"/>
      <c r="AO119" s="968"/>
      <c r="AP119" s="970" t="s">
        <v>443</v>
      </c>
      <c r="AQ119" s="971"/>
      <c r="AR119" s="971"/>
      <c r="AS119" s="971"/>
      <c r="AT119" s="972"/>
      <c r="AU119" s="977"/>
      <c r="AV119" s="978"/>
      <c r="AW119" s="978"/>
      <c r="AX119" s="978"/>
      <c r="AY119" s="978"/>
      <c r="AZ119" s="247" t="s">
        <v>188</v>
      </c>
      <c r="BA119" s="247"/>
      <c r="BB119" s="247"/>
      <c r="BC119" s="247"/>
      <c r="BD119" s="247"/>
      <c r="BE119" s="247"/>
      <c r="BF119" s="247"/>
      <c r="BG119" s="247"/>
      <c r="BH119" s="247"/>
      <c r="BI119" s="247"/>
      <c r="BJ119" s="247"/>
      <c r="BK119" s="247"/>
      <c r="BL119" s="247"/>
      <c r="BM119" s="247"/>
      <c r="BN119" s="247"/>
      <c r="BO119" s="1044" t="s">
        <v>471</v>
      </c>
      <c r="BP119" s="1072"/>
      <c r="BQ119" s="1066">
        <v>71757791</v>
      </c>
      <c r="BR119" s="1067"/>
      <c r="BS119" s="1067"/>
      <c r="BT119" s="1067"/>
      <c r="BU119" s="1067"/>
      <c r="BV119" s="1067">
        <v>68924972</v>
      </c>
      <c r="BW119" s="1067"/>
      <c r="BX119" s="1067"/>
      <c r="BY119" s="1067"/>
      <c r="BZ119" s="1067"/>
      <c r="CA119" s="1067">
        <v>64361876</v>
      </c>
      <c r="CB119" s="1067"/>
      <c r="CC119" s="1067"/>
      <c r="CD119" s="1067"/>
      <c r="CE119" s="1067"/>
      <c r="CF119" s="1068"/>
      <c r="CG119" s="1069"/>
      <c r="CH119" s="1069"/>
      <c r="CI119" s="1069"/>
      <c r="CJ119" s="1070"/>
      <c r="CK119" s="1017"/>
      <c r="CL119" s="1018"/>
      <c r="CM119" s="1040" t="s">
        <v>472</v>
      </c>
      <c r="CN119" s="1032"/>
      <c r="CO119" s="1032"/>
      <c r="CP119" s="1032"/>
      <c r="CQ119" s="1032"/>
      <c r="CR119" s="1032"/>
      <c r="CS119" s="1032"/>
      <c r="CT119" s="1032"/>
      <c r="CU119" s="1032"/>
      <c r="CV119" s="1032"/>
      <c r="CW119" s="1032"/>
      <c r="CX119" s="1032"/>
      <c r="CY119" s="1032"/>
      <c r="CZ119" s="1032"/>
      <c r="DA119" s="1032"/>
      <c r="DB119" s="1032"/>
      <c r="DC119" s="1032"/>
      <c r="DD119" s="1032"/>
      <c r="DE119" s="1032"/>
      <c r="DF119" s="1033"/>
      <c r="DG119" s="1071" t="s">
        <v>450</v>
      </c>
      <c r="DH119" s="1053"/>
      <c r="DI119" s="1053"/>
      <c r="DJ119" s="1053"/>
      <c r="DK119" s="1054"/>
      <c r="DL119" s="1052" t="s">
        <v>450</v>
      </c>
      <c r="DM119" s="1053"/>
      <c r="DN119" s="1053"/>
      <c r="DO119" s="1053"/>
      <c r="DP119" s="1054"/>
      <c r="DQ119" s="1052" t="s">
        <v>450</v>
      </c>
      <c r="DR119" s="1053"/>
      <c r="DS119" s="1053"/>
      <c r="DT119" s="1053"/>
      <c r="DU119" s="1054"/>
      <c r="DV119" s="1055" t="s">
        <v>443</v>
      </c>
      <c r="DW119" s="1056"/>
      <c r="DX119" s="1056"/>
      <c r="DY119" s="1056"/>
      <c r="DZ119" s="1057"/>
    </row>
    <row r="120" spans="1:130" s="226" customFormat="1" ht="26.25" customHeight="1" x14ac:dyDescent="0.2">
      <c r="A120" s="1124"/>
      <c r="B120" s="1016"/>
      <c r="C120" s="989" t="s">
        <v>446</v>
      </c>
      <c r="D120" s="990"/>
      <c r="E120" s="990"/>
      <c r="F120" s="990"/>
      <c r="G120" s="990"/>
      <c r="H120" s="990"/>
      <c r="I120" s="990"/>
      <c r="J120" s="990"/>
      <c r="K120" s="990"/>
      <c r="L120" s="990"/>
      <c r="M120" s="990"/>
      <c r="N120" s="990"/>
      <c r="O120" s="990"/>
      <c r="P120" s="990"/>
      <c r="Q120" s="990"/>
      <c r="R120" s="990"/>
      <c r="S120" s="990"/>
      <c r="T120" s="990"/>
      <c r="U120" s="990"/>
      <c r="V120" s="990"/>
      <c r="W120" s="990"/>
      <c r="X120" s="990"/>
      <c r="Y120" s="990"/>
      <c r="Z120" s="991"/>
      <c r="AA120" s="1025" t="s">
        <v>450</v>
      </c>
      <c r="AB120" s="1026"/>
      <c r="AC120" s="1026"/>
      <c r="AD120" s="1026"/>
      <c r="AE120" s="1027"/>
      <c r="AF120" s="1028" t="s">
        <v>450</v>
      </c>
      <c r="AG120" s="1026"/>
      <c r="AH120" s="1026"/>
      <c r="AI120" s="1026"/>
      <c r="AJ120" s="1027"/>
      <c r="AK120" s="1028" t="s">
        <v>443</v>
      </c>
      <c r="AL120" s="1026"/>
      <c r="AM120" s="1026"/>
      <c r="AN120" s="1026"/>
      <c r="AO120" s="1027"/>
      <c r="AP120" s="1029" t="s">
        <v>441</v>
      </c>
      <c r="AQ120" s="1030"/>
      <c r="AR120" s="1030"/>
      <c r="AS120" s="1030"/>
      <c r="AT120" s="1031"/>
      <c r="AU120" s="1058" t="s">
        <v>473</v>
      </c>
      <c r="AV120" s="1059"/>
      <c r="AW120" s="1059"/>
      <c r="AX120" s="1059"/>
      <c r="AY120" s="1060"/>
      <c r="AZ120" s="996" t="s">
        <v>474</v>
      </c>
      <c r="BA120" s="964"/>
      <c r="BB120" s="964"/>
      <c r="BC120" s="964"/>
      <c r="BD120" s="964"/>
      <c r="BE120" s="964"/>
      <c r="BF120" s="964"/>
      <c r="BG120" s="964"/>
      <c r="BH120" s="964"/>
      <c r="BI120" s="964"/>
      <c r="BJ120" s="964"/>
      <c r="BK120" s="964"/>
      <c r="BL120" s="964"/>
      <c r="BM120" s="964"/>
      <c r="BN120" s="964"/>
      <c r="BO120" s="964"/>
      <c r="BP120" s="965"/>
      <c r="BQ120" s="997">
        <v>11766863</v>
      </c>
      <c r="BR120" s="998"/>
      <c r="BS120" s="998"/>
      <c r="BT120" s="998"/>
      <c r="BU120" s="998"/>
      <c r="BV120" s="998">
        <v>12517008</v>
      </c>
      <c r="BW120" s="998"/>
      <c r="BX120" s="998"/>
      <c r="BY120" s="998"/>
      <c r="BZ120" s="998"/>
      <c r="CA120" s="998">
        <v>14891208</v>
      </c>
      <c r="CB120" s="998"/>
      <c r="CC120" s="998"/>
      <c r="CD120" s="998"/>
      <c r="CE120" s="998"/>
      <c r="CF120" s="1011">
        <v>44.2</v>
      </c>
      <c r="CG120" s="1012"/>
      <c r="CH120" s="1012"/>
      <c r="CI120" s="1012"/>
      <c r="CJ120" s="1012"/>
      <c r="CK120" s="1073" t="s">
        <v>475</v>
      </c>
      <c r="CL120" s="1074"/>
      <c r="CM120" s="1074"/>
      <c r="CN120" s="1074"/>
      <c r="CO120" s="1075"/>
      <c r="CP120" s="1081" t="s">
        <v>410</v>
      </c>
      <c r="CQ120" s="1082"/>
      <c r="CR120" s="1082"/>
      <c r="CS120" s="1082"/>
      <c r="CT120" s="1082"/>
      <c r="CU120" s="1082"/>
      <c r="CV120" s="1082"/>
      <c r="CW120" s="1082"/>
      <c r="CX120" s="1082"/>
      <c r="CY120" s="1082"/>
      <c r="CZ120" s="1082"/>
      <c r="DA120" s="1082"/>
      <c r="DB120" s="1082"/>
      <c r="DC120" s="1082"/>
      <c r="DD120" s="1082"/>
      <c r="DE120" s="1082"/>
      <c r="DF120" s="1083"/>
      <c r="DG120" s="997">
        <v>24031572</v>
      </c>
      <c r="DH120" s="998"/>
      <c r="DI120" s="998"/>
      <c r="DJ120" s="998"/>
      <c r="DK120" s="998"/>
      <c r="DL120" s="998">
        <v>22602063</v>
      </c>
      <c r="DM120" s="998"/>
      <c r="DN120" s="998"/>
      <c r="DO120" s="998"/>
      <c r="DP120" s="998"/>
      <c r="DQ120" s="998">
        <v>21396692</v>
      </c>
      <c r="DR120" s="998"/>
      <c r="DS120" s="998"/>
      <c r="DT120" s="998"/>
      <c r="DU120" s="998"/>
      <c r="DV120" s="999">
        <v>63.5</v>
      </c>
      <c r="DW120" s="999"/>
      <c r="DX120" s="999"/>
      <c r="DY120" s="999"/>
      <c r="DZ120" s="1000"/>
    </row>
    <row r="121" spans="1:130" s="226" customFormat="1" ht="26.25" customHeight="1" x14ac:dyDescent="0.2">
      <c r="A121" s="1124"/>
      <c r="B121" s="1016"/>
      <c r="C121" s="1041" t="s">
        <v>476</v>
      </c>
      <c r="D121" s="1042"/>
      <c r="E121" s="1042"/>
      <c r="F121" s="1042"/>
      <c r="G121" s="1042"/>
      <c r="H121" s="1042"/>
      <c r="I121" s="1042"/>
      <c r="J121" s="1042"/>
      <c r="K121" s="1042"/>
      <c r="L121" s="1042"/>
      <c r="M121" s="1042"/>
      <c r="N121" s="1042"/>
      <c r="O121" s="1042"/>
      <c r="P121" s="1042"/>
      <c r="Q121" s="1042"/>
      <c r="R121" s="1042"/>
      <c r="S121" s="1042"/>
      <c r="T121" s="1042"/>
      <c r="U121" s="1042"/>
      <c r="V121" s="1042"/>
      <c r="W121" s="1042"/>
      <c r="X121" s="1042"/>
      <c r="Y121" s="1042"/>
      <c r="Z121" s="1043"/>
      <c r="AA121" s="1025" t="s">
        <v>441</v>
      </c>
      <c r="AB121" s="1026"/>
      <c r="AC121" s="1026"/>
      <c r="AD121" s="1026"/>
      <c r="AE121" s="1027"/>
      <c r="AF121" s="1028" t="s">
        <v>450</v>
      </c>
      <c r="AG121" s="1026"/>
      <c r="AH121" s="1026"/>
      <c r="AI121" s="1026"/>
      <c r="AJ121" s="1027"/>
      <c r="AK121" s="1028" t="s">
        <v>450</v>
      </c>
      <c r="AL121" s="1026"/>
      <c r="AM121" s="1026"/>
      <c r="AN121" s="1026"/>
      <c r="AO121" s="1027"/>
      <c r="AP121" s="1029" t="s">
        <v>450</v>
      </c>
      <c r="AQ121" s="1030"/>
      <c r="AR121" s="1030"/>
      <c r="AS121" s="1030"/>
      <c r="AT121" s="1031"/>
      <c r="AU121" s="1061"/>
      <c r="AV121" s="1062"/>
      <c r="AW121" s="1062"/>
      <c r="AX121" s="1062"/>
      <c r="AY121" s="1063"/>
      <c r="AZ121" s="989" t="s">
        <v>477</v>
      </c>
      <c r="BA121" s="990"/>
      <c r="BB121" s="990"/>
      <c r="BC121" s="990"/>
      <c r="BD121" s="990"/>
      <c r="BE121" s="990"/>
      <c r="BF121" s="990"/>
      <c r="BG121" s="990"/>
      <c r="BH121" s="990"/>
      <c r="BI121" s="990"/>
      <c r="BJ121" s="990"/>
      <c r="BK121" s="990"/>
      <c r="BL121" s="990"/>
      <c r="BM121" s="990"/>
      <c r="BN121" s="990"/>
      <c r="BO121" s="990"/>
      <c r="BP121" s="991"/>
      <c r="BQ121" s="992">
        <v>36413057</v>
      </c>
      <c r="BR121" s="993"/>
      <c r="BS121" s="993"/>
      <c r="BT121" s="993"/>
      <c r="BU121" s="993"/>
      <c r="BV121" s="993">
        <v>34493020</v>
      </c>
      <c r="BW121" s="993"/>
      <c r="BX121" s="993"/>
      <c r="BY121" s="993"/>
      <c r="BZ121" s="993"/>
      <c r="CA121" s="993">
        <v>32790373</v>
      </c>
      <c r="CB121" s="993"/>
      <c r="CC121" s="993"/>
      <c r="CD121" s="993"/>
      <c r="CE121" s="993"/>
      <c r="CF121" s="987">
        <v>97.4</v>
      </c>
      <c r="CG121" s="988"/>
      <c r="CH121" s="988"/>
      <c r="CI121" s="988"/>
      <c r="CJ121" s="988"/>
      <c r="CK121" s="1076"/>
      <c r="CL121" s="1077"/>
      <c r="CM121" s="1077"/>
      <c r="CN121" s="1077"/>
      <c r="CO121" s="1078"/>
      <c r="CP121" s="1086" t="s">
        <v>478</v>
      </c>
      <c r="CQ121" s="1087"/>
      <c r="CR121" s="1087"/>
      <c r="CS121" s="1087"/>
      <c r="CT121" s="1087"/>
      <c r="CU121" s="1087"/>
      <c r="CV121" s="1087"/>
      <c r="CW121" s="1087"/>
      <c r="CX121" s="1087"/>
      <c r="CY121" s="1087"/>
      <c r="CZ121" s="1087"/>
      <c r="DA121" s="1087"/>
      <c r="DB121" s="1087"/>
      <c r="DC121" s="1087"/>
      <c r="DD121" s="1087"/>
      <c r="DE121" s="1087"/>
      <c r="DF121" s="1088"/>
      <c r="DG121" s="992" t="s">
        <v>450</v>
      </c>
      <c r="DH121" s="993"/>
      <c r="DI121" s="993"/>
      <c r="DJ121" s="993"/>
      <c r="DK121" s="993"/>
      <c r="DL121" s="993" t="s">
        <v>450</v>
      </c>
      <c r="DM121" s="993"/>
      <c r="DN121" s="993"/>
      <c r="DO121" s="993"/>
      <c r="DP121" s="993"/>
      <c r="DQ121" s="993" t="s">
        <v>450</v>
      </c>
      <c r="DR121" s="993"/>
      <c r="DS121" s="993"/>
      <c r="DT121" s="993"/>
      <c r="DU121" s="993"/>
      <c r="DV121" s="994" t="s">
        <v>450</v>
      </c>
      <c r="DW121" s="994"/>
      <c r="DX121" s="994"/>
      <c r="DY121" s="994"/>
      <c r="DZ121" s="995"/>
    </row>
    <row r="122" spans="1:130" s="226" customFormat="1" ht="26.25" customHeight="1" x14ac:dyDescent="0.2">
      <c r="A122" s="1124"/>
      <c r="B122" s="1016"/>
      <c r="C122" s="989" t="s">
        <v>459</v>
      </c>
      <c r="D122" s="990"/>
      <c r="E122" s="990"/>
      <c r="F122" s="990"/>
      <c r="G122" s="990"/>
      <c r="H122" s="990"/>
      <c r="I122" s="990"/>
      <c r="J122" s="990"/>
      <c r="K122" s="990"/>
      <c r="L122" s="990"/>
      <c r="M122" s="990"/>
      <c r="N122" s="990"/>
      <c r="O122" s="990"/>
      <c r="P122" s="990"/>
      <c r="Q122" s="990"/>
      <c r="R122" s="990"/>
      <c r="S122" s="990"/>
      <c r="T122" s="990"/>
      <c r="U122" s="990"/>
      <c r="V122" s="990"/>
      <c r="W122" s="990"/>
      <c r="X122" s="990"/>
      <c r="Y122" s="990"/>
      <c r="Z122" s="991"/>
      <c r="AA122" s="1025" t="s">
        <v>450</v>
      </c>
      <c r="AB122" s="1026"/>
      <c r="AC122" s="1026"/>
      <c r="AD122" s="1026"/>
      <c r="AE122" s="1027"/>
      <c r="AF122" s="1028" t="s">
        <v>457</v>
      </c>
      <c r="AG122" s="1026"/>
      <c r="AH122" s="1026"/>
      <c r="AI122" s="1026"/>
      <c r="AJ122" s="1027"/>
      <c r="AK122" s="1028" t="s">
        <v>457</v>
      </c>
      <c r="AL122" s="1026"/>
      <c r="AM122" s="1026"/>
      <c r="AN122" s="1026"/>
      <c r="AO122" s="1027"/>
      <c r="AP122" s="1029" t="s">
        <v>450</v>
      </c>
      <c r="AQ122" s="1030"/>
      <c r="AR122" s="1030"/>
      <c r="AS122" s="1030"/>
      <c r="AT122" s="1031"/>
      <c r="AU122" s="1061"/>
      <c r="AV122" s="1062"/>
      <c r="AW122" s="1062"/>
      <c r="AX122" s="1062"/>
      <c r="AY122" s="1063"/>
      <c r="AZ122" s="1040" t="s">
        <v>479</v>
      </c>
      <c r="BA122" s="1032"/>
      <c r="BB122" s="1032"/>
      <c r="BC122" s="1032"/>
      <c r="BD122" s="1032"/>
      <c r="BE122" s="1032"/>
      <c r="BF122" s="1032"/>
      <c r="BG122" s="1032"/>
      <c r="BH122" s="1032"/>
      <c r="BI122" s="1032"/>
      <c r="BJ122" s="1032"/>
      <c r="BK122" s="1032"/>
      <c r="BL122" s="1032"/>
      <c r="BM122" s="1032"/>
      <c r="BN122" s="1032"/>
      <c r="BO122" s="1032"/>
      <c r="BP122" s="1033"/>
      <c r="BQ122" s="1066">
        <v>30921308</v>
      </c>
      <c r="BR122" s="1067"/>
      <c r="BS122" s="1067"/>
      <c r="BT122" s="1067"/>
      <c r="BU122" s="1067"/>
      <c r="BV122" s="1067">
        <v>28854506</v>
      </c>
      <c r="BW122" s="1067"/>
      <c r="BX122" s="1067"/>
      <c r="BY122" s="1067"/>
      <c r="BZ122" s="1067"/>
      <c r="CA122" s="1067">
        <v>25993565</v>
      </c>
      <c r="CB122" s="1067"/>
      <c r="CC122" s="1067"/>
      <c r="CD122" s="1067"/>
      <c r="CE122" s="1067"/>
      <c r="CF122" s="1084">
        <v>77.2</v>
      </c>
      <c r="CG122" s="1085"/>
      <c r="CH122" s="1085"/>
      <c r="CI122" s="1085"/>
      <c r="CJ122" s="1085"/>
      <c r="CK122" s="1076"/>
      <c r="CL122" s="1077"/>
      <c r="CM122" s="1077"/>
      <c r="CN122" s="1077"/>
      <c r="CO122" s="1078"/>
      <c r="CP122" s="1086" t="s">
        <v>409</v>
      </c>
      <c r="CQ122" s="1087"/>
      <c r="CR122" s="1087"/>
      <c r="CS122" s="1087"/>
      <c r="CT122" s="1087"/>
      <c r="CU122" s="1087"/>
      <c r="CV122" s="1087"/>
      <c r="CW122" s="1087"/>
      <c r="CX122" s="1087"/>
      <c r="CY122" s="1087"/>
      <c r="CZ122" s="1087"/>
      <c r="DA122" s="1087"/>
      <c r="DB122" s="1087"/>
      <c r="DC122" s="1087"/>
      <c r="DD122" s="1087"/>
      <c r="DE122" s="1087"/>
      <c r="DF122" s="1088"/>
      <c r="DG122" s="992" t="s">
        <v>443</v>
      </c>
      <c r="DH122" s="993"/>
      <c r="DI122" s="993"/>
      <c r="DJ122" s="993"/>
      <c r="DK122" s="993"/>
      <c r="DL122" s="993" t="s">
        <v>443</v>
      </c>
      <c r="DM122" s="993"/>
      <c r="DN122" s="993"/>
      <c r="DO122" s="993"/>
      <c r="DP122" s="993"/>
      <c r="DQ122" s="993" t="s">
        <v>443</v>
      </c>
      <c r="DR122" s="993"/>
      <c r="DS122" s="993"/>
      <c r="DT122" s="993"/>
      <c r="DU122" s="993"/>
      <c r="DV122" s="994" t="s">
        <v>443</v>
      </c>
      <c r="DW122" s="994"/>
      <c r="DX122" s="994"/>
      <c r="DY122" s="994"/>
      <c r="DZ122" s="995"/>
    </row>
    <row r="123" spans="1:130" s="226" customFormat="1" ht="26.25" customHeight="1" x14ac:dyDescent="0.2">
      <c r="A123" s="1124"/>
      <c r="B123" s="1016"/>
      <c r="C123" s="989" t="s">
        <v>465</v>
      </c>
      <c r="D123" s="990"/>
      <c r="E123" s="990"/>
      <c r="F123" s="990"/>
      <c r="G123" s="990"/>
      <c r="H123" s="990"/>
      <c r="I123" s="990"/>
      <c r="J123" s="990"/>
      <c r="K123" s="990"/>
      <c r="L123" s="990"/>
      <c r="M123" s="990"/>
      <c r="N123" s="990"/>
      <c r="O123" s="990"/>
      <c r="P123" s="990"/>
      <c r="Q123" s="990"/>
      <c r="R123" s="990"/>
      <c r="S123" s="990"/>
      <c r="T123" s="990"/>
      <c r="U123" s="990"/>
      <c r="V123" s="990"/>
      <c r="W123" s="990"/>
      <c r="X123" s="990"/>
      <c r="Y123" s="990"/>
      <c r="Z123" s="991"/>
      <c r="AA123" s="1025" t="s">
        <v>443</v>
      </c>
      <c r="AB123" s="1026"/>
      <c r="AC123" s="1026"/>
      <c r="AD123" s="1026"/>
      <c r="AE123" s="1027"/>
      <c r="AF123" s="1028" t="s">
        <v>443</v>
      </c>
      <c r="AG123" s="1026"/>
      <c r="AH123" s="1026"/>
      <c r="AI123" s="1026"/>
      <c r="AJ123" s="1027"/>
      <c r="AK123" s="1028" t="s">
        <v>457</v>
      </c>
      <c r="AL123" s="1026"/>
      <c r="AM123" s="1026"/>
      <c r="AN123" s="1026"/>
      <c r="AO123" s="1027"/>
      <c r="AP123" s="1029" t="s">
        <v>443</v>
      </c>
      <c r="AQ123" s="1030"/>
      <c r="AR123" s="1030"/>
      <c r="AS123" s="1030"/>
      <c r="AT123" s="1031"/>
      <c r="AU123" s="1064"/>
      <c r="AV123" s="1065"/>
      <c r="AW123" s="1065"/>
      <c r="AX123" s="1065"/>
      <c r="AY123" s="1065"/>
      <c r="AZ123" s="247" t="s">
        <v>188</v>
      </c>
      <c r="BA123" s="247"/>
      <c r="BB123" s="247"/>
      <c r="BC123" s="247"/>
      <c r="BD123" s="247"/>
      <c r="BE123" s="247"/>
      <c r="BF123" s="247"/>
      <c r="BG123" s="247"/>
      <c r="BH123" s="247"/>
      <c r="BI123" s="247"/>
      <c r="BJ123" s="247"/>
      <c r="BK123" s="247"/>
      <c r="BL123" s="247"/>
      <c r="BM123" s="247"/>
      <c r="BN123" s="247"/>
      <c r="BO123" s="1044" t="s">
        <v>480</v>
      </c>
      <c r="BP123" s="1072"/>
      <c r="BQ123" s="1130">
        <v>79101228</v>
      </c>
      <c r="BR123" s="1131"/>
      <c r="BS123" s="1131"/>
      <c r="BT123" s="1131"/>
      <c r="BU123" s="1131"/>
      <c r="BV123" s="1131">
        <v>75864534</v>
      </c>
      <c r="BW123" s="1131"/>
      <c r="BX123" s="1131"/>
      <c r="BY123" s="1131"/>
      <c r="BZ123" s="1131"/>
      <c r="CA123" s="1131">
        <v>73675146</v>
      </c>
      <c r="CB123" s="1131"/>
      <c r="CC123" s="1131"/>
      <c r="CD123" s="1131"/>
      <c r="CE123" s="1131"/>
      <c r="CF123" s="1068"/>
      <c r="CG123" s="1069"/>
      <c r="CH123" s="1069"/>
      <c r="CI123" s="1069"/>
      <c r="CJ123" s="1070"/>
      <c r="CK123" s="1076"/>
      <c r="CL123" s="1077"/>
      <c r="CM123" s="1077"/>
      <c r="CN123" s="1077"/>
      <c r="CO123" s="1078"/>
      <c r="CP123" s="1086" t="s">
        <v>481</v>
      </c>
      <c r="CQ123" s="1087"/>
      <c r="CR123" s="1087"/>
      <c r="CS123" s="1087"/>
      <c r="CT123" s="1087"/>
      <c r="CU123" s="1087"/>
      <c r="CV123" s="1087"/>
      <c r="CW123" s="1087"/>
      <c r="CX123" s="1087"/>
      <c r="CY123" s="1087"/>
      <c r="CZ123" s="1087"/>
      <c r="DA123" s="1087"/>
      <c r="DB123" s="1087"/>
      <c r="DC123" s="1087"/>
      <c r="DD123" s="1087"/>
      <c r="DE123" s="1087"/>
      <c r="DF123" s="1088"/>
      <c r="DG123" s="1025" t="s">
        <v>457</v>
      </c>
      <c r="DH123" s="1026"/>
      <c r="DI123" s="1026"/>
      <c r="DJ123" s="1026"/>
      <c r="DK123" s="1027"/>
      <c r="DL123" s="1028" t="s">
        <v>457</v>
      </c>
      <c r="DM123" s="1026"/>
      <c r="DN123" s="1026"/>
      <c r="DO123" s="1026"/>
      <c r="DP123" s="1027"/>
      <c r="DQ123" s="1028" t="s">
        <v>443</v>
      </c>
      <c r="DR123" s="1026"/>
      <c r="DS123" s="1026"/>
      <c r="DT123" s="1026"/>
      <c r="DU123" s="1027"/>
      <c r="DV123" s="1029" t="s">
        <v>443</v>
      </c>
      <c r="DW123" s="1030"/>
      <c r="DX123" s="1030"/>
      <c r="DY123" s="1030"/>
      <c r="DZ123" s="1031"/>
    </row>
    <row r="124" spans="1:130" s="226" customFormat="1" ht="26.25" customHeight="1" thickBot="1" x14ac:dyDescent="0.25">
      <c r="A124" s="1124"/>
      <c r="B124" s="1016"/>
      <c r="C124" s="989" t="s">
        <v>468</v>
      </c>
      <c r="D124" s="990"/>
      <c r="E124" s="990"/>
      <c r="F124" s="990"/>
      <c r="G124" s="990"/>
      <c r="H124" s="990"/>
      <c r="I124" s="990"/>
      <c r="J124" s="990"/>
      <c r="K124" s="990"/>
      <c r="L124" s="990"/>
      <c r="M124" s="990"/>
      <c r="N124" s="990"/>
      <c r="O124" s="990"/>
      <c r="P124" s="990"/>
      <c r="Q124" s="990"/>
      <c r="R124" s="990"/>
      <c r="S124" s="990"/>
      <c r="T124" s="990"/>
      <c r="U124" s="990"/>
      <c r="V124" s="990"/>
      <c r="W124" s="990"/>
      <c r="X124" s="990"/>
      <c r="Y124" s="990"/>
      <c r="Z124" s="991"/>
      <c r="AA124" s="1025" t="s">
        <v>443</v>
      </c>
      <c r="AB124" s="1026"/>
      <c r="AC124" s="1026"/>
      <c r="AD124" s="1026"/>
      <c r="AE124" s="1027"/>
      <c r="AF124" s="1028" t="s">
        <v>443</v>
      </c>
      <c r="AG124" s="1026"/>
      <c r="AH124" s="1026"/>
      <c r="AI124" s="1026"/>
      <c r="AJ124" s="1027"/>
      <c r="AK124" s="1028" t="s">
        <v>443</v>
      </c>
      <c r="AL124" s="1026"/>
      <c r="AM124" s="1026"/>
      <c r="AN124" s="1026"/>
      <c r="AO124" s="1027"/>
      <c r="AP124" s="1029" t="s">
        <v>443</v>
      </c>
      <c r="AQ124" s="1030"/>
      <c r="AR124" s="1030"/>
      <c r="AS124" s="1030"/>
      <c r="AT124" s="1031"/>
      <c r="AU124" s="1126" t="s">
        <v>482</v>
      </c>
      <c r="AV124" s="1127"/>
      <c r="AW124" s="1127"/>
      <c r="AX124" s="1127"/>
      <c r="AY124" s="1127"/>
      <c r="AZ124" s="1127"/>
      <c r="BA124" s="1127"/>
      <c r="BB124" s="1127"/>
      <c r="BC124" s="1127"/>
      <c r="BD124" s="1127"/>
      <c r="BE124" s="1127"/>
      <c r="BF124" s="1127"/>
      <c r="BG124" s="1127"/>
      <c r="BH124" s="1127"/>
      <c r="BI124" s="1127"/>
      <c r="BJ124" s="1127"/>
      <c r="BK124" s="1127"/>
      <c r="BL124" s="1127"/>
      <c r="BM124" s="1127"/>
      <c r="BN124" s="1127"/>
      <c r="BO124" s="1127"/>
      <c r="BP124" s="1128"/>
      <c r="BQ124" s="1129" t="s">
        <v>443</v>
      </c>
      <c r="BR124" s="1094"/>
      <c r="BS124" s="1094"/>
      <c r="BT124" s="1094"/>
      <c r="BU124" s="1094"/>
      <c r="BV124" s="1094" t="s">
        <v>443</v>
      </c>
      <c r="BW124" s="1094"/>
      <c r="BX124" s="1094"/>
      <c r="BY124" s="1094"/>
      <c r="BZ124" s="1094"/>
      <c r="CA124" s="1094" t="s">
        <v>443</v>
      </c>
      <c r="CB124" s="1094"/>
      <c r="CC124" s="1094"/>
      <c r="CD124" s="1094"/>
      <c r="CE124" s="1094"/>
      <c r="CF124" s="1095"/>
      <c r="CG124" s="1096"/>
      <c r="CH124" s="1096"/>
      <c r="CI124" s="1096"/>
      <c r="CJ124" s="1097"/>
      <c r="CK124" s="1079"/>
      <c r="CL124" s="1079"/>
      <c r="CM124" s="1079"/>
      <c r="CN124" s="1079"/>
      <c r="CO124" s="1080"/>
      <c r="CP124" s="1086" t="s">
        <v>483</v>
      </c>
      <c r="CQ124" s="1087"/>
      <c r="CR124" s="1087"/>
      <c r="CS124" s="1087"/>
      <c r="CT124" s="1087"/>
      <c r="CU124" s="1087"/>
      <c r="CV124" s="1087"/>
      <c r="CW124" s="1087"/>
      <c r="CX124" s="1087"/>
      <c r="CY124" s="1087"/>
      <c r="CZ124" s="1087"/>
      <c r="DA124" s="1087"/>
      <c r="DB124" s="1087"/>
      <c r="DC124" s="1087"/>
      <c r="DD124" s="1087"/>
      <c r="DE124" s="1087"/>
      <c r="DF124" s="1088"/>
      <c r="DG124" s="1071" t="s">
        <v>484</v>
      </c>
      <c r="DH124" s="1053"/>
      <c r="DI124" s="1053"/>
      <c r="DJ124" s="1053"/>
      <c r="DK124" s="1054"/>
      <c r="DL124" s="1052" t="s">
        <v>484</v>
      </c>
      <c r="DM124" s="1053"/>
      <c r="DN124" s="1053"/>
      <c r="DO124" s="1053"/>
      <c r="DP124" s="1054"/>
      <c r="DQ124" s="1052" t="s">
        <v>485</v>
      </c>
      <c r="DR124" s="1053"/>
      <c r="DS124" s="1053"/>
      <c r="DT124" s="1053"/>
      <c r="DU124" s="1054"/>
      <c r="DV124" s="1055" t="s">
        <v>484</v>
      </c>
      <c r="DW124" s="1056"/>
      <c r="DX124" s="1056"/>
      <c r="DY124" s="1056"/>
      <c r="DZ124" s="1057"/>
    </row>
    <row r="125" spans="1:130" s="226" customFormat="1" ht="26.25" customHeight="1" x14ac:dyDescent="0.2">
      <c r="A125" s="1124"/>
      <c r="B125" s="1016"/>
      <c r="C125" s="989" t="s">
        <v>470</v>
      </c>
      <c r="D125" s="990"/>
      <c r="E125" s="990"/>
      <c r="F125" s="990"/>
      <c r="G125" s="990"/>
      <c r="H125" s="990"/>
      <c r="I125" s="990"/>
      <c r="J125" s="990"/>
      <c r="K125" s="990"/>
      <c r="L125" s="990"/>
      <c r="M125" s="990"/>
      <c r="N125" s="990"/>
      <c r="O125" s="990"/>
      <c r="P125" s="990"/>
      <c r="Q125" s="990"/>
      <c r="R125" s="990"/>
      <c r="S125" s="990"/>
      <c r="T125" s="990"/>
      <c r="U125" s="990"/>
      <c r="V125" s="990"/>
      <c r="W125" s="990"/>
      <c r="X125" s="990"/>
      <c r="Y125" s="990"/>
      <c r="Z125" s="991"/>
      <c r="AA125" s="1025" t="s">
        <v>484</v>
      </c>
      <c r="AB125" s="1026"/>
      <c r="AC125" s="1026"/>
      <c r="AD125" s="1026"/>
      <c r="AE125" s="1027"/>
      <c r="AF125" s="1028" t="s">
        <v>484</v>
      </c>
      <c r="AG125" s="1026"/>
      <c r="AH125" s="1026"/>
      <c r="AI125" s="1026"/>
      <c r="AJ125" s="1027"/>
      <c r="AK125" s="1028" t="s">
        <v>485</v>
      </c>
      <c r="AL125" s="1026"/>
      <c r="AM125" s="1026"/>
      <c r="AN125" s="1026"/>
      <c r="AO125" s="1027"/>
      <c r="AP125" s="1029" t="s">
        <v>485</v>
      </c>
      <c r="AQ125" s="1030"/>
      <c r="AR125" s="1030"/>
      <c r="AS125" s="1030"/>
      <c r="AT125" s="1031"/>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9" t="s">
        <v>486</v>
      </c>
      <c r="CL125" s="1074"/>
      <c r="CM125" s="1074"/>
      <c r="CN125" s="1074"/>
      <c r="CO125" s="1075"/>
      <c r="CP125" s="996" t="s">
        <v>487</v>
      </c>
      <c r="CQ125" s="964"/>
      <c r="CR125" s="964"/>
      <c r="CS125" s="964"/>
      <c r="CT125" s="964"/>
      <c r="CU125" s="964"/>
      <c r="CV125" s="964"/>
      <c r="CW125" s="964"/>
      <c r="CX125" s="964"/>
      <c r="CY125" s="964"/>
      <c r="CZ125" s="964"/>
      <c r="DA125" s="964"/>
      <c r="DB125" s="964"/>
      <c r="DC125" s="964"/>
      <c r="DD125" s="964"/>
      <c r="DE125" s="964"/>
      <c r="DF125" s="965"/>
      <c r="DG125" s="997" t="s">
        <v>484</v>
      </c>
      <c r="DH125" s="998"/>
      <c r="DI125" s="998"/>
      <c r="DJ125" s="998"/>
      <c r="DK125" s="998"/>
      <c r="DL125" s="998" t="s">
        <v>485</v>
      </c>
      <c r="DM125" s="998"/>
      <c r="DN125" s="998"/>
      <c r="DO125" s="998"/>
      <c r="DP125" s="998"/>
      <c r="DQ125" s="998" t="s">
        <v>485</v>
      </c>
      <c r="DR125" s="998"/>
      <c r="DS125" s="998"/>
      <c r="DT125" s="998"/>
      <c r="DU125" s="998"/>
      <c r="DV125" s="999" t="s">
        <v>129</v>
      </c>
      <c r="DW125" s="999"/>
      <c r="DX125" s="999"/>
      <c r="DY125" s="999"/>
      <c r="DZ125" s="1000"/>
    </row>
    <row r="126" spans="1:130" s="226" customFormat="1" ht="26.25" customHeight="1" thickBot="1" x14ac:dyDescent="0.25">
      <c r="A126" s="1124"/>
      <c r="B126" s="1016"/>
      <c r="C126" s="989" t="s">
        <v>472</v>
      </c>
      <c r="D126" s="990"/>
      <c r="E126" s="990"/>
      <c r="F126" s="990"/>
      <c r="G126" s="990"/>
      <c r="H126" s="990"/>
      <c r="I126" s="990"/>
      <c r="J126" s="990"/>
      <c r="K126" s="990"/>
      <c r="L126" s="990"/>
      <c r="M126" s="990"/>
      <c r="N126" s="990"/>
      <c r="O126" s="990"/>
      <c r="P126" s="990"/>
      <c r="Q126" s="990"/>
      <c r="R126" s="990"/>
      <c r="S126" s="990"/>
      <c r="T126" s="990"/>
      <c r="U126" s="990"/>
      <c r="V126" s="990"/>
      <c r="W126" s="990"/>
      <c r="X126" s="990"/>
      <c r="Y126" s="990"/>
      <c r="Z126" s="991"/>
      <c r="AA126" s="1025">
        <v>48331</v>
      </c>
      <c r="AB126" s="1026"/>
      <c r="AC126" s="1026"/>
      <c r="AD126" s="1026"/>
      <c r="AE126" s="1027"/>
      <c r="AF126" s="1028" t="s">
        <v>484</v>
      </c>
      <c r="AG126" s="1026"/>
      <c r="AH126" s="1026"/>
      <c r="AI126" s="1026"/>
      <c r="AJ126" s="1027"/>
      <c r="AK126" s="1028" t="s">
        <v>129</v>
      </c>
      <c r="AL126" s="1026"/>
      <c r="AM126" s="1026"/>
      <c r="AN126" s="1026"/>
      <c r="AO126" s="1027"/>
      <c r="AP126" s="1029" t="s">
        <v>484</v>
      </c>
      <c r="AQ126" s="1030"/>
      <c r="AR126" s="1030"/>
      <c r="AS126" s="1030"/>
      <c r="AT126" s="1031"/>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90"/>
      <c r="CL126" s="1077"/>
      <c r="CM126" s="1077"/>
      <c r="CN126" s="1077"/>
      <c r="CO126" s="1078"/>
      <c r="CP126" s="989" t="s">
        <v>488</v>
      </c>
      <c r="CQ126" s="990"/>
      <c r="CR126" s="990"/>
      <c r="CS126" s="990"/>
      <c r="CT126" s="990"/>
      <c r="CU126" s="990"/>
      <c r="CV126" s="990"/>
      <c r="CW126" s="990"/>
      <c r="CX126" s="990"/>
      <c r="CY126" s="990"/>
      <c r="CZ126" s="990"/>
      <c r="DA126" s="990"/>
      <c r="DB126" s="990"/>
      <c r="DC126" s="990"/>
      <c r="DD126" s="990"/>
      <c r="DE126" s="990"/>
      <c r="DF126" s="991"/>
      <c r="DG126" s="992" t="s">
        <v>484</v>
      </c>
      <c r="DH126" s="993"/>
      <c r="DI126" s="993"/>
      <c r="DJ126" s="993"/>
      <c r="DK126" s="993"/>
      <c r="DL126" s="993" t="s">
        <v>484</v>
      </c>
      <c r="DM126" s="993"/>
      <c r="DN126" s="993"/>
      <c r="DO126" s="993"/>
      <c r="DP126" s="993"/>
      <c r="DQ126" s="993" t="s">
        <v>484</v>
      </c>
      <c r="DR126" s="993"/>
      <c r="DS126" s="993"/>
      <c r="DT126" s="993"/>
      <c r="DU126" s="993"/>
      <c r="DV126" s="994" t="s">
        <v>484</v>
      </c>
      <c r="DW126" s="994"/>
      <c r="DX126" s="994"/>
      <c r="DY126" s="994"/>
      <c r="DZ126" s="995"/>
    </row>
    <row r="127" spans="1:130" s="226" customFormat="1" ht="26.25" customHeight="1" x14ac:dyDescent="0.2">
      <c r="A127" s="1125"/>
      <c r="B127" s="1018"/>
      <c r="C127" s="1040" t="s">
        <v>489</v>
      </c>
      <c r="D127" s="1032"/>
      <c r="E127" s="1032"/>
      <c r="F127" s="1032"/>
      <c r="G127" s="1032"/>
      <c r="H127" s="1032"/>
      <c r="I127" s="1032"/>
      <c r="J127" s="1032"/>
      <c r="K127" s="1032"/>
      <c r="L127" s="1032"/>
      <c r="M127" s="1032"/>
      <c r="N127" s="1032"/>
      <c r="O127" s="1032"/>
      <c r="P127" s="1032"/>
      <c r="Q127" s="1032"/>
      <c r="R127" s="1032"/>
      <c r="S127" s="1032"/>
      <c r="T127" s="1032"/>
      <c r="U127" s="1032"/>
      <c r="V127" s="1032"/>
      <c r="W127" s="1032"/>
      <c r="X127" s="1032"/>
      <c r="Y127" s="1032"/>
      <c r="Z127" s="1033"/>
      <c r="AA127" s="1025" t="s">
        <v>484</v>
      </c>
      <c r="AB127" s="1026"/>
      <c r="AC127" s="1026"/>
      <c r="AD127" s="1026"/>
      <c r="AE127" s="1027"/>
      <c r="AF127" s="1028" t="s">
        <v>484</v>
      </c>
      <c r="AG127" s="1026"/>
      <c r="AH127" s="1026"/>
      <c r="AI127" s="1026"/>
      <c r="AJ127" s="1027"/>
      <c r="AK127" s="1028" t="s">
        <v>484</v>
      </c>
      <c r="AL127" s="1026"/>
      <c r="AM127" s="1026"/>
      <c r="AN127" s="1026"/>
      <c r="AO127" s="1027"/>
      <c r="AP127" s="1029" t="s">
        <v>129</v>
      </c>
      <c r="AQ127" s="1030"/>
      <c r="AR127" s="1030"/>
      <c r="AS127" s="1030"/>
      <c r="AT127" s="1031"/>
      <c r="AU127" s="228"/>
      <c r="AV127" s="228"/>
      <c r="AW127" s="228"/>
      <c r="AX127" s="1098" t="s">
        <v>490</v>
      </c>
      <c r="AY127" s="1099"/>
      <c r="AZ127" s="1099"/>
      <c r="BA127" s="1099"/>
      <c r="BB127" s="1099"/>
      <c r="BC127" s="1099"/>
      <c r="BD127" s="1099"/>
      <c r="BE127" s="1100"/>
      <c r="BF127" s="1101" t="s">
        <v>491</v>
      </c>
      <c r="BG127" s="1099"/>
      <c r="BH127" s="1099"/>
      <c r="BI127" s="1099"/>
      <c r="BJ127" s="1099"/>
      <c r="BK127" s="1099"/>
      <c r="BL127" s="1100"/>
      <c r="BM127" s="1101" t="s">
        <v>492</v>
      </c>
      <c r="BN127" s="1099"/>
      <c r="BO127" s="1099"/>
      <c r="BP127" s="1099"/>
      <c r="BQ127" s="1099"/>
      <c r="BR127" s="1099"/>
      <c r="BS127" s="1100"/>
      <c r="BT127" s="1101" t="s">
        <v>493</v>
      </c>
      <c r="BU127" s="1099"/>
      <c r="BV127" s="1099"/>
      <c r="BW127" s="1099"/>
      <c r="BX127" s="1099"/>
      <c r="BY127" s="1099"/>
      <c r="BZ127" s="1122"/>
      <c r="CA127" s="228"/>
      <c r="CB127" s="228"/>
      <c r="CC127" s="228"/>
      <c r="CD127" s="251"/>
      <c r="CE127" s="251"/>
      <c r="CF127" s="251"/>
      <c r="CG127" s="228"/>
      <c r="CH127" s="228"/>
      <c r="CI127" s="228"/>
      <c r="CJ127" s="250"/>
      <c r="CK127" s="1090"/>
      <c r="CL127" s="1077"/>
      <c r="CM127" s="1077"/>
      <c r="CN127" s="1077"/>
      <c r="CO127" s="1078"/>
      <c r="CP127" s="989" t="s">
        <v>494</v>
      </c>
      <c r="CQ127" s="990"/>
      <c r="CR127" s="990"/>
      <c r="CS127" s="990"/>
      <c r="CT127" s="990"/>
      <c r="CU127" s="990"/>
      <c r="CV127" s="990"/>
      <c r="CW127" s="990"/>
      <c r="CX127" s="990"/>
      <c r="CY127" s="990"/>
      <c r="CZ127" s="990"/>
      <c r="DA127" s="990"/>
      <c r="DB127" s="990"/>
      <c r="DC127" s="990"/>
      <c r="DD127" s="990"/>
      <c r="DE127" s="990"/>
      <c r="DF127" s="991"/>
      <c r="DG127" s="992" t="s">
        <v>484</v>
      </c>
      <c r="DH127" s="993"/>
      <c r="DI127" s="993"/>
      <c r="DJ127" s="993"/>
      <c r="DK127" s="993"/>
      <c r="DL127" s="993" t="s">
        <v>484</v>
      </c>
      <c r="DM127" s="993"/>
      <c r="DN127" s="993"/>
      <c r="DO127" s="993"/>
      <c r="DP127" s="993"/>
      <c r="DQ127" s="993" t="s">
        <v>484</v>
      </c>
      <c r="DR127" s="993"/>
      <c r="DS127" s="993"/>
      <c r="DT127" s="993"/>
      <c r="DU127" s="993"/>
      <c r="DV127" s="994" t="s">
        <v>129</v>
      </c>
      <c r="DW127" s="994"/>
      <c r="DX127" s="994"/>
      <c r="DY127" s="994"/>
      <c r="DZ127" s="995"/>
    </row>
    <row r="128" spans="1:130" s="226" customFormat="1" ht="26.25" customHeight="1" thickBot="1" x14ac:dyDescent="0.25">
      <c r="A128" s="1108" t="s">
        <v>495</v>
      </c>
      <c r="B128" s="1109"/>
      <c r="C128" s="1109"/>
      <c r="D128" s="1109"/>
      <c r="E128" s="1109"/>
      <c r="F128" s="1109"/>
      <c r="G128" s="1109"/>
      <c r="H128" s="1109"/>
      <c r="I128" s="1109"/>
      <c r="J128" s="1109"/>
      <c r="K128" s="1109"/>
      <c r="L128" s="1109"/>
      <c r="M128" s="1109"/>
      <c r="N128" s="1109"/>
      <c r="O128" s="1109"/>
      <c r="P128" s="1109"/>
      <c r="Q128" s="1109"/>
      <c r="R128" s="1109"/>
      <c r="S128" s="1109"/>
      <c r="T128" s="1109"/>
      <c r="U128" s="1109"/>
      <c r="V128" s="1109"/>
      <c r="W128" s="1110" t="s">
        <v>496</v>
      </c>
      <c r="X128" s="1110"/>
      <c r="Y128" s="1110"/>
      <c r="Z128" s="1111"/>
      <c r="AA128" s="1112">
        <v>3213915</v>
      </c>
      <c r="AB128" s="1113"/>
      <c r="AC128" s="1113"/>
      <c r="AD128" s="1113"/>
      <c r="AE128" s="1114"/>
      <c r="AF128" s="1115">
        <v>2902993</v>
      </c>
      <c r="AG128" s="1113"/>
      <c r="AH128" s="1113"/>
      <c r="AI128" s="1113"/>
      <c r="AJ128" s="1114"/>
      <c r="AK128" s="1115">
        <v>3086970</v>
      </c>
      <c r="AL128" s="1113"/>
      <c r="AM128" s="1113"/>
      <c r="AN128" s="1113"/>
      <c r="AO128" s="1114"/>
      <c r="AP128" s="1116"/>
      <c r="AQ128" s="1117"/>
      <c r="AR128" s="1117"/>
      <c r="AS128" s="1117"/>
      <c r="AT128" s="1118"/>
      <c r="AU128" s="228"/>
      <c r="AV128" s="228"/>
      <c r="AW128" s="228"/>
      <c r="AX128" s="963" t="s">
        <v>497</v>
      </c>
      <c r="AY128" s="964"/>
      <c r="AZ128" s="964"/>
      <c r="BA128" s="964"/>
      <c r="BB128" s="964"/>
      <c r="BC128" s="964"/>
      <c r="BD128" s="964"/>
      <c r="BE128" s="965"/>
      <c r="BF128" s="1119" t="s">
        <v>484</v>
      </c>
      <c r="BG128" s="1120"/>
      <c r="BH128" s="1120"/>
      <c r="BI128" s="1120"/>
      <c r="BJ128" s="1120"/>
      <c r="BK128" s="1120"/>
      <c r="BL128" s="1121"/>
      <c r="BM128" s="1119">
        <v>11.56</v>
      </c>
      <c r="BN128" s="1120"/>
      <c r="BO128" s="1120"/>
      <c r="BP128" s="1120"/>
      <c r="BQ128" s="1120"/>
      <c r="BR128" s="1120"/>
      <c r="BS128" s="1121"/>
      <c r="BT128" s="1119">
        <v>20</v>
      </c>
      <c r="BU128" s="1120"/>
      <c r="BV128" s="1120"/>
      <c r="BW128" s="1120"/>
      <c r="BX128" s="1120"/>
      <c r="BY128" s="1120"/>
      <c r="BZ128" s="1143"/>
      <c r="CA128" s="251"/>
      <c r="CB128" s="251"/>
      <c r="CC128" s="251"/>
      <c r="CD128" s="251"/>
      <c r="CE128" s="251"/>
      <c r="CF128" s="251"/>
      <c r="CG128" s="228"/>
      <c r="CH128" s="228"/>
      <c r="CI128" s="228"/>
      <c r="CJ128" s="250"/>
      <c r="CK128" s="1091"/>
      <c r="CL128" s="1092"/>
      <c r="CM128" s="1092"/>
      <c r="CN128" s="1092"/>
      <c r="CO128" s="1093"/>
      <c r="CP128" s="1102" t="s">
        <v>498</v>
      </c>
      <c r="CQ128" s="791"/>
      <c r="CR128" s="791"/>
      <c r="CS128" s="791"/>
      <c r="CT128" s="791"/>
      <c r="CU128" s="791"/>
      <c r="CV128" s="791"/>
      <c r="CW128" s="791"/>
      <c r="CX128" s="791"/>
      <c r="CY128" s="791"/>
      <c r="CZ128" s="791"/>
      <c r="DA128" s="791"/>
      <c r="DB128" s="791"/>
      <c r="DC128" s="791"/>
      <c r="DD128" s="791"/>
      <c r="DE128" s="791"/>
      <c r="DF128" s="1103"/>
      <c r="DG128" s="1104" t="s">
        <v>484</v>
      </c>
      <c r="DH128" s="1105"/>
      <c r="DI128" s="1105"/>
      <c r="DJ128" s="1105"/>
      <c r="DK128" s="1105"/>
      <c r="DL128" s="1105" t="s">
        <v>484</v>
      </c>
      <c r="DM128" s="1105"/>
      <c r="DN128" s="1105"/>
      <c r="DO128" s="1105"/>
      <c r="DP128" s="1105"/>
      <c r="DQ128" s="1105" t="s">
        <v>484</v>
      </c>
      <c r="DR128" s="1105"/>
      <c r="DS128" s="1105"/>
      <c r="DT128" s="1105"/>
      <c r="DU128" s="1105"/>
      <c r="DV128" s="1106" t="s">
        <v>484</v>
      </c>
      <c r="DW128" s="1106"/>
      <c r="DX128" s="1106"/>
      <c r="DY128" s="1106"/>
      <c r="DZ128" s="1107"/>
    </row>
    <row r="129" spans="1:131" s="226" customFormat="1" ht="26.25" customHeight="1" x14ac:dyDescent="0.2">
      <c r="A129" s="1001" t="s">
        <v>108</v>
      </c>
      <c r="B129" s="1002"/>
      <c r="C129" s="1002"/>
      <c r="D129" s="1002"/>
      <c r="E129" s="1002"/>
      <c r="F129" s="1002"/>
      <c r="G129" s="1002"/>
      <c r="H129" s="1002"/>
      <c r="I129" s="1002"/>
      <c r="J129" s="1002"/>
      <c r="K129" s="1002"/>
      <c r="L129" s="1002"/>
      <c r="M129" s="1002"/>
      <c r="N129" s="1002"/>
      <c r="O129" s="1002"/>
      <c r="P129" s="1002"/>
      <c r="Q129" s="1002"/>
      <c r="R129" s="1002"/>
      <c r="S129" s="1002"/>
      <c r="T129" s="1002"/>
      <c r="U129" s="1002"/>
      <c r="V129" s="1002"/>
      <c r="W129" s="1137" t="s">
        <v>499</v>
      </c>
      <c r="X129" s="1138"/>
      <c r="Y129" s="1138"/>
      <c r="Z129" s="1139"/>
      <c r="AA129" s="1025">
        <v>36197093</v>
      </c>
      <c r="AB129" s="1026"/>
      <c r="AC129" s="1026"/>
      <c r="AD129" s="1026"/>
      <c r="AE129" s="1027"/>
      <c r="AF129" s="1028">
        <v>37621530</v>
      </c>
      <c r="AG129" s="1026"/>
      <c r="AH129" s="1026"/>
      <c r="AI129" s="1026"/>
      <c r="AJ129" s="1027"/>
      <c r="AK129" s="1028">
        <v>36532544</v>
      </c>
      <c r="AL129" s="1026"/>
      <c r="AM129" s="1026"/>
      <c r="AN129" s="1026"/>
      <c r="AO129" s="1027"/>
      <c r="AP129" s="1140"/>
      <c r="AQ129" s="1141"/>
      <c r="AR129" s="1141"/>
      <c r="AS129" s="1141"/>
      <c r="AT129" s="1142"/>
      <c r="AU129" s="229"/>
      <c r="AV129" s="229"/>
      <c r="AW129" s="229"/>
      <c r="AX129" s="1132" t="s">
        <v>500</v>
      </c>
      <c r="AY129" s="990"/>
      <c r="AZ129" s="990"/>
      <c r="BA129" s="990"/>
      <c r="BB129" s="990"/>
      <c r="BC129" s="990"/>
      <c r="BD129" s="990"/>
      <c r="BE129" s="991"/>
      <c r="BF129" s="1133" t="s">
        <v>484</v>
      </c>
      <c r="BG129" s="1134"/>
      <c r="BH129" s="1134"/>
      <c r="BI129" s="1134"/>
      <c r="BJ129" s="1134"/>
      <c r="BK129" s="1134"/>
      <c r="BL129" s="1135"/>
      <c r="BM129" s="1133">
        <v>16.559999999999999</v>
      </c>
      <c r="BN129" s="1134"/>
      <c r="BO129" s="1134"/>
      <c r="BP129" s="1134"/>
      <c r="BQ129" s="1134"/>
      <c r="BR129" s="1134"/>
      <c r="BS129" s="1135"/>
      <c r="BT129" s="1133">
        <v>30</v>
      </c>
      <c r="BU129" s="1134"/>
      <c r="BV129" s="1134"/>
      <c r="BW129" s="1134"/>
      <c r="BX129" s="1134"/>
      <c r="BY129" s="1134"/>
      <c r="BZ129" s="1136"/>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1001" t="s">
        <v>501</v>
      </c>
      <c r="B130" s="1002"/>
      <c r="C130" s="1002"/>
      <c r="D130" s="1002"/>
      <c r="E130" s="1002"/>
      <c r="F130" s="1002"/>
      <c r="G130" s="1002"/>
      <c r="H130" s="1002"/>
      <c r="I130" s="1002"/>
      <c r="J130" s="1002"/>
      <c r="K130" s="1002"/>
      <c r="L130" s="1002"/>
      <c r="M130" s="1002"/>
      <c r="N130" s="1002"/>
      <c r="O130" s="1002"/>
      <c r="P130" s="1002"/>
      <c r="Q130" s="1002"/>
      <c r="R130" s="1002"/>
      <c r="S130" s="1002"/>
      <c r="T130" s="1002"/>
      <c r="U130" s="1002"/>
      <c r="V130" s="1002"/>
      <c r="W130" s="1137" t="s">
        <v>502</v>
      </c>
      <c r="X130" s="1138"/>
      <c r="Y130" s="1138"/>
      <c r="Z130" s="1139"/>
      <c r="AA130" s="1025">
        <v>3096145</v>
      </c>
      <c r="AB130" s="1026"/>
      <c r="AC130" s="1026"/>
      <c r="AD130" s="1026"/>
      <c r="AE130" s="1027"/>
      <c r="AF130" s="1028">
        <v>2933471</v>
      </c>
      <c r="AG130" s="1026"/>
      <c r="AH130" s="1026"/>
      <c r="AI130" s="1026"/>
      <c r="AJ130" s="1027"/>
      <c r="AK130" s="1028">
        <v>2858686</v>
      </c>
      <c r="AL130" s="1026"/>
      <c r="AM130" s="1026"/>
      <c r="AN130" s="1026"/>
      <c r="AO130" s="1027"/>
      <c r="AP130" s="1140"/>
      <c r="AQ130" s="1141"/>
      <c r="AR130" s="1141"/>
      <c r="AS130" s="1141"/>
      <c r="AT130" s="1142"/>
      <c r="AU130" s="229"/>
      <c r="AV130" s="229"/>
      <c r="AW130" s="229"/>
      <c r="AX130" s="1132" t="s">
        <v>503</v>
      </c>
      <c r="AY130" s="990"/>
      <c r="AZ130" s="990"/>
      <c r="BA130" s="990"/>
      <c r="BB130" s="990"/>
      <c r="BC130" s="990"/>
      <c r="BD130" s="990"/>
      <c r="BE130" s="991"/>
      <c r="BF130" s="1168">
        <v>1.1000000000000001</v>
      </c>
      <c r="BG130" s="1169"/>
      <c r="BH130" s="1169"/>
      <c r="BI130" s="1169"/>
      <c r="BJ130" s="1169"/>
      <c r="BK130" s="1169"/>
      <c r="BL130" s="1170"/>
      <c r="BM130" s="1168">
        <v>25</v>
      </c>
      <c r="BN130" s="1169"/>
      <c r="BO130" s="1169"/>
      <c r="BP130" s="1169"/>
      <c r="BQ130" s="1169"/>
      <c r="BR130" s="1169"/>
      <c r="BS130" s="1170"/>
      <c r="BT130" s="1168">
        <v>35</v>
      </c>
      <c r="BU130" s="1169"/>
      <c r="BV130" s="1169"/>
      <c r="BW130" s="1169"/>
      <c r="BX130" s="1169"/>
      <c r="BY130" s="1169"/>
      <c r="BZ130" s="1171"/>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2"/>
      <c r="B131" s="1173"/>
      <c r="C131" s="1173"/>
      <c r="D131" s="1173"/>
      <c r="E131" s="1173"/>
      <c r="F131" s="1173"/>
      <c r="G131" s="1173"/>
      <c r="H131" s="1173"/>
      <c r="I131" s="1173"/>
      <c r="J131" s="1173"/>
      <c r="K131" s="1173"/>
      <c r="L131" s="1173"/>
      <c r="M131" s="1173"/>
      <c r="N131" s="1173"/>
      <c r="O131" s="1173"/>
      <c r="P131" s="1173"/>
      <c r="Q131" s="1173"/>
      <c r="R131" s="1173"/>
      <c r="S131" s="1173"/>
      <c r="T131" s="1173"/>
      <c r="U131" s="1173"/>
      <c r="V131" s="1173"/>
      <c r="W131" s="1174" t="s">
        <v>504</v>
      </c>
      <c r="X131" s="1175"/>
      <c r="Y131" s="1175"/>
      <c r="Z131" s="1176"/>
      <c r="AA131" s="1071">
        <v>33100948</v>
      </c>
      <c r="AB131" s="1053"/>
      <c r="AC131" s="1053"/>
      <c r="AD131" s="1053"/>
      <c r="AE131" s="1054"/>
      <c r="AF131" s="1052">
        <v>34688059</v>
      </c>
      <c r="AG131" s="1053"/>
      <c r="AH131" s="1053"/>
      <c r="AI131" s="1053"/>
      <c r="AJ131" s="1054"/>
      <c r="AK131" s="1052">
        <v>33673858</v>
      </c>
      <c r="AL131" s="1053"/>
      <c r="AM131" s="1053"/>
      <c r="AN131" s="1053"/>
      <c r="AO131" s="1054"/>
      <c r="AP131" s="1177"/>
      <c r="AQ131" s="1178"/>
      <c r="AR131" s="1178"/>
      <c r="AS131" s="1178"/>
      <c r="AT131" s="1179"/>
      <c r="AU131" s="229"/>
      <c r="AV131" s="229"/>
      <c r="AW131" s="229"/>
      <c r="AX131" s="1150" t="s">
        <v>505</v>
      </c>
      <c r="AY131" s="791"/>
      <c r="AZ131" s="791"/>
      <c r="BA131" s="791"/>
      <c r="BB131" s="791"/>
      <c r="BC131" s="791"/>
      <c r="BD131" s="791"/>
      <c r="BE131" s="1103"/>
      <c r="BF131" s="1151" t="s">
        <v>484</v>
      </c>
      <c r="BG131" s="1152"/>
      <c r="BH131" s="1152"/>
      <c r="BI131" s="1152"/>
      <c r="BJ131" s="1152"/>
      <c r="BK131" s="1152"/>
      <c r="BL131" s="1153"/>
      <c r="BM131" s="1151">
        <v>350</v>
      </c>
      <c r="BN131" s="1152"/>
      <c r="BO131" s="1152"/>
      <c r="BP131" s="1152"/>
      <c r="BQ131" s="1152"/>
      <c r="BR131" s="1152"/>
      <c r="BS131" s="1153"/>
      <c r="BT131" s="1154"/>
      <c r="BU131" s="1155"/>
      <c r="BV131" s="1155"/>
      <c r="BW131" s="1155"/>
      <c r="BX131" s="1155"/>
      <c r="BY131" s="1155"/>
      <c r="BZ131" s="1156"/>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7" t="s">
        <v>506</v>
      </c>
      <c r="B132" s="1158"/>
      <c r="C132" s="1158"/>
      <c r="D132" s="1158"/>
      <c r="E132" s="1158"/>
      <c r="F132" s="1158"/>
      <c r="G132" s="1158"/>
      <c r="H132" s="1158"/>
      <c r="I132" s="1158"/>
      <c r="J132" s="1158"/>
      <c r="K132" s="1158"/>
      <c r="L132" s="1158"/>
      <c r="M132" s="1158"/>
      <c r="N132" s="1158"/>
      <c r="O132" s="1158"/>
      <c r="P132" s="1158"/>
      <c r="Q132" s="1158"/>
      <c r="R132" s="1158"/>
      <c r="S132" s="1158"/>
      <c r="T132" s="1158"/>
      <c r="U132" s="1158"/>
      <c r="V132" s="1161" t="s">
        <v>507</v>
      </c>
      <c r="W132" s="1161"/>
      <c r="X132" s="1161"/>
      <c r="Y132" s="1161"/>
      <c r="Z132" s="1162"/>
      <c r="AA132" s="1163">
        <v>1.426904752</v>
      </c>
      <c r="AB132" s="1164"/>
      <c r="AC132" s="1164"/>
      <c r="AD132" s="1164"/>
      <c r="AE132" s="1165"/>
      <c r="AF132" s="1166">
        <v>1.287445919</v>
      </c>
      <c r="AG132" s="1164"/>
      <c r="AH132" s="1164"/>
      <c r="AI132" s="1164"/>
      <c r="AJ132" s="1165"/>
      <c r="AK132" s="1166">
        <v>0.59589251700000001</v>
      </c>
      <c r="AL132" s="1164"/>
      <c r="AM132" s="1164"/>
      <c r="AN132" s="1164"/>
      <c r="AO132" s="1165"/>
      <c r="AP132" s="1068"/>
      <c r="AQ132" s="1069"/>
      <c r="AR132" s="1069"/>
      <c r="AS132" s="1069"/>
      <c r="AT132" s="1167"/>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9"/>
      <c r="B133" s="1160"/>
      <c r="C133" s="1160"/>
      <c r="D133" s="1160"/>
      <c r="E133" s="1160"/>
      <c r="F133" s="1160"/>
      <c r="G133" s="1160"/>
      <c r="H133" s="1160"/>
      <c r="I133" s="1160"/>
      <c r="J133" s="1160"/>
      <c r="K133" s="1160"/>
      <c r="L133" s="1160"/>
      <c r="M133" s="1160"/>
      <c r="N133" s="1160"/>
      <c r="O133" s="1160"/>
      <c r="P133" s="1160"/>
      <c r="Q133" s="1160"/>
      <c r="R133" s="1160"/>
      <c r="S133" s="1160"/>
      <c r="T133" s="1160"/>
      <c r="U133" s="1160"/>
      <c r="V133" s="1144" t="s">
        <v>508</v>
      </c>
      <c r="W133" s="1144"/>
      <c r="X133" s="1144"/>
      <c r="Y133" s="1144"/>
      <c r="Z133" s="1145"/>
      <c r="AA133" s="1146">
        <v>0.8</v>
      </c>
      <c r="AB133" s="1147"/>
      <c r="AC133" s="1147"/>
      <c r="AD133" s="1147"/>
      <c r="AE133" s="1148"/>
      <c r="AF133" s="1146">
        <v>1.1000000000000001</v>
      </c>
      <c r="AG133" s="1147"/>
      <c r="AH133" s="1147"/>
      <c r="AI133" s="1147"/>
      <c r="AJ133" s="1148"/>
      <c r="AK133" s="1146">
        <v>1.1000000000000001</v>
      </c>
      <c r="AL133" s="1147"/>
      <c r="AM133" s="1147"/>
      <c r="AN133" s="1147"/>
      <c r="AO133" s="1148"/>
      <c r="AP133" s="1095"/>
      <c r="AQ133" s="1096"/>
      <c r="AR133" s="1096"/>
      <c r="AS133" s="1096"/>
      <c r="AT133" s="1149"/>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70gyRCUhBVfFtNNAk1uynbmbJHAudeCy3eEuSmS62AhZc+tVgDAiadxKnICU13MfWeDAvGr19aBoPRU7vj6NDA==" saltValue="scd/gvRetLJZI0+EbHFEa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8" orientation="portrait" horizontalDpi="1200" verticalDpi="1200"/>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9</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AU9I+dbW654AyEoGW01NilCpTS7npoZrz6p/iVl2dkdjD/5mY2ZU3zqv0kJ9tw8U3T+y19b/yNxewpFYXL1YEA==" saltValue="dCXa9U518bzfuQQvBPNPc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SpMfUbO1UIUcPYhMCSUbxzvhDW5a64nDzP62LLXqrIUuwgYmTs4g2rEHAZxZbFRd9jf+OTUepmeN2zGxA/sDOg==" saltValue="ct+fxsXQ2SL+6adLY+8Ocg==" spinCount="100000" sheet="1" objects="1" scenarios="1"/>
  <dataConsolidate/>
  <phoneticPr fontId="2"/>
  <printOptions horizontalCentered="1" verticalCentered="1"/>
  <pageMargins left="0" right="0" top="0" bottom="0" header="0" footer="0"/>
  <pageSetup paperSize="9" scale="48" orientation="landscape" horizontalDpi="300" verticalDpi="30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0</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1</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1" t="s">
        <v>512</v>
      </c>
      <c r="AP7" s="268"/>
      <c r="AQ7" s="269" t="s">
        <v>513</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2"/>
      <c r="AP8" s="274" t="s">
        <v>514</v>
      </c>
      <c r="AQ8" s="275" t="s">
        <v>515</v>
      </c>
      <c r="AR8" s="276" t="s">
        <v>516</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3" t="s">
        <v>517</v>
      </c>
      <c r="AL9" s="1184"/>
      <c r="AM9" s="1184"/>
      <c r="AN9" s="1185"/>
      <c r="AO9" s="277">
        <v>13296942</v>
      </c>
      <c r="AP9" s="277">
        <v>75102</v>
      </c>
      <c r="AQ9" s="278">
        <v>61144</v>
      </c>
      <c r="AR9" s="279">
        <v>22.8</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3" t="s">
        <v>518</v>
      </c>
      <c r="AL10" s="1184"/>
      <c r="AM10" s="1184"/>
      <c r="AN10" s="1185"/>
      <c r="AO10" s="280">
        <v>46</v>
      </c>
      <c r="AP10" s="280">
        <v>0</v>
      </c>
      <c r="AQ10" s="281">
        <v>1318</v>
      </c>
      <c r="AR10" s="282">
        <v>-100</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3" t="s">
        <v>519</v>
      </c>
      <c r="AL11" s="1184"/>
      <c r="AM11" s="1184"/>
      <c r="AN11" s="1185"/>
      <c r="AO11" s="280">
        <v>317386</v>
      </c>
      <c r="AP11" s="280">
        <v>1793</v>
      </c>
      <c r="AQ11" s="281">
        <v>986</v>
      </c>
      <c r="AR11" s="282">
        <v>81.8</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3" t="s">
        <v>520</v>
      </c>
      <c r="AL12" s="1184"/>
      <c r="AM12" s="1184"/>
      <c r="AN12" s="1185"/>
      <c r="AO12" s="280" t="s">
        <v>521</v>
      </c>
      <c r="AP12" s="280" t="s">
        <v>521</v>
      </c>
      <c r="AQ12" s="281">
        <v>36</v>
      </c>
      <c r="AR12" s="282" t="s">
        <v>521</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3" t="s">
        <v>522</v>
      </c>
      <c r="AL13" s="1184"/>
      <c r="AM13" s="1184"/>
      <c r="AN13" s="1185"/>
      <c r="AO13" s="280">
        <v>335880</v>
      </c>
      <c r="AP13" s="280">
        <v>1897</v>
      </c>
      <c r="AQ13" s="281">
        <v>2152</v>
      </c>
      <c r="AR13" s="282">
        <v>-11.8</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3" t="s">
        <v>523</v>
      </c>
      <c r="AL14" s="1184"/>
      <c r="AM14" s="1184"/>
      <c r="AN14" s="1185"/>
      <c r="AO14" s="280">
        <v>139779</v>
      </c>
      <c r="AP14" s="280">
        <v>789</v>
      </c>
      <c r="AQ14" s="281">
        <v>1296</v>
      </c>
      <c r="AR14" s="282">
        <v>-39.1</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6" t="s">
        <v>524</v>
      </c>
      <c r="AL15" s="1187"/>
      <c r="AM15" s="1187"/>
      <c r="AN15" s="1188"/>
      <c r="AO15" s="280">
        <v>-1094467</v>
      </c>
      <c r="AP15" s="280">
        <v>-6182</v>
      </c>
      <c r="AQ15" s="281">
        <v>-3683</v>
      </c>
      <c r="AR15" s="282">
        <v>67.900000000000006</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6" t="s">
        <v>188</v>
      </c>
      <c r="AL16" s="1187"/>
      <c r="AM16" s="1187"/>
      <c r="AN16" s="1188"/>
      <c r="AO16" s="280">
        <v>12995566</v>
      </c>
      <c r="AP16" s="280">
        <v>73400</v>
      </c>
      <c r="AQ16" s="281">
        <v>63248</v>
      </c>
      <c r="AR16" s="282">
        <v>16.100000000000001</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5</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6</v>
      </c>
      <c r="AP20" s="289" t="s">
        <v>527</v>
      </c>
      <c r="AQ20" s="290" t="s">
        <v>528</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9" t="s">
        <v>529</v>
      </c>
      <c r="AL21" s="1190"/>
      <c r="AM21" s="1190"/>
      <c r="AN21" s="1191"/>
      <c r="AO21" s="293">
        <v>7.12</v>
      </c>
      <c r="AP21" s="294">
        <v>6.03</v>
      </c>
      <c r="AQ21" s="295">
        <v>1.0900000000000001</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9" t="s">
        <v>530</v>
      </c>
      <c r="AL22" s="1190"/>
      <c r="AM22" s="1190"/>
      <c r="AN22" s="1191"/>
      <c r="AO22" s="298">
        <v>99.2</v>
      </c>
      <c r="AP22" s="299">
        <v>99.9</v>
      </c>
      <c r="AQ22" s="300">
        <v>-0.7</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80" t="s">
        <v>531</v>
      </c>
      <c r="B26" s="1180"/>
      <c r="C26" s="1180"/>
      <c r="D26" s="1180"/>
      <c r="E26" s="1180"/>
      <c r="F26" s="1180"/>
      <c r="G26" s="1180"/>
      <c r="H26" s="1180"/>
      <c r="I26" s="1180"/>
      <c r="J26" s="1180"/>
      <c r="K26" s="1180"/>
      <c r="L26" s="1180"/>
      <c r="M26" s="1180"/>
      <c r="N26" s="1180"/>
      <c r="O26" s="1180"/>
      <c r="P26" s="1180"/>
      <c r="Q26" s="1180"/>
      <c r="R26" s="1180"/>
      <c r="S26" s="1180"/>
      <c r="T26" s="1180"/>
      <c r="U26" s="1180"/>
      <c r="V26" s="1180"/>
      <c r="W26" s="1180"/>
      <c r="X26" s="1180"/>
      <c r="Y26" s="1180"/>
      <c r="Z26" s="1180"/>
      <c r="AA26" s="1180"/>
      <c r="AB26" s="1180"/>
      <c r="AC26" s="1180"/>
      <c r="AD26" s="1180"/>
      <c r="AE26" s="1180"/>
      <c r="AF26" s="1180"/>
      <c r="AG26" s="1180"/>
      <c r="AH26" s="1180"/>
      <c r="AI26" s="1180"/>
      <c r="AJ26" s="1180"/>
      <c r="AK26" s="1180"/>
      <c r="AL26" s="1180"/>
      <c r="AM26" s="1180"/>
      <c r="AN26" s="1180"/>
      <c r="AO26" s="1180"/>
      <c r="AP26" s="1180"/>
      <c r="AQ26" s="1180"/>
      <c r="AR26" s="1180"/>
      <c r="AS26" s="1180"/>
      <c r="AT26" s="263"/>
    </row>
    <row r="27" spans="1:46" ht="13.2" x14ac:dyDescent="0.2">
      <c r="A27" s="305"/>
      <c r="AO27" s="258"/>
      <c r="AP27" s="258"/>
      <c r="AQ27" s="258"/>
      <c r="AR27" s="258"/>
      <c r="AS27" s="258"/>
      <c r="AT27" s="258"/>
    </row>
    <row r="28" spans="1:46" ht="16.2" x14ac:dyDescent="0.2">
      <c r="A28" s="259" t="s">
        <v>532</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3</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1" t="s">
        <v>512</v>
      </c>
      <c r="AP30" s="268"/>
      <c r="AQ30" s="269" t="s">
        <v>513</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2"/>
      <c r="AP31" s="274" t="s">
        <v>514</v>
      </c>
      <c r="AQ31" s="275" t="s">
        <v>515</v>
      </c>
      <c r="AR31" s="276" t="s">
        <v>516</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7" t="s">
        <v>534</v>
      </c>
      <c r="AL32" s="1198"/>
      <c r="AM32" s="1198"/>
      <c r="AN32" s="1199"/>
      <c r="AO32" s="308">
        <v>4230131</v>
      </c>
      <c r="AP32" s="308">
        <v>23892</v>
      </c>
      <c r="AQ32" s="309">
        <v>26067</v>
      </c>
      <c r="AR32" s="310">
        <v>-8.3000000000000007</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7" t="s">
        <v>535</v>
      </c>
      <c r="AL33" s="1198"/>
      <c r="AM33" s="1198"/>
      <c r="AN33" s="1199"/>
      <c r="AO33" s="308" t="s">
        <v>521</v>
      </c>
      <c r="AP33" s="308" t="s">
        <v>521</v>
      </c>
      <c r="AQ33" s="309">
        <v>0</v>
      </c>
      <c r="AR33" s="310" t="s">
        <v>521</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7" t="s">
        <v>536</v>
      </c>
      <c r="AL34" s="1198"/>
      <c r="AM34" s="1198"/>
      <c r="AN34" s="1199"/>
      <c r="AO34" s="308" t="s">
        <v>521</v>
      </c>
      <c r="AP34" s="308" t="s">
        <v>521</v>
      </c>
      <c r="AQ34" s="309">
        <v>31</v>
      </c>
      <c r="AR34" s="310" t="s">
        <v>521</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7" t="s">
        <v>537</v>
      </c>
      <c r="AL35" s="1198"/>
      <c r="AM35" s="1198"/>
      <c r="AN35" s="1199"/>
      <c r="AO35" s="308">
        <v>1916185</v>
      </c>
      <c r="AP35" s="308">
        <v>10823</v>
      </c>
      <c r="AQ35" s="309">
        <v>5447</v>
      </c>
      <c r="AR35" s="310">
        <v>98.7</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7" t="s">
        <v>538</v>
      </c>
      <c r="AL36" s="1198"/>
      <c r="AM36" s="1198"/>
      <c r="AN36" s="1199"/>
      <c r="AO36" s="308" t="s">
        <v>521</v>
      </c>
      <c r="AP36" s="308" t="s">
        <v>521</v>
      </c>
      <c r="AQ36" s="309">
        <v>447</v>
      </c>
      <c r="AR36" s="310" t="s">
        <v>521</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7" t="s">
        <v>539</v>
      </c>
      <c r="AL37" s="1198"/>
      <c r="AM37" s="1198"/>
      <c r="AN37" s="1199"/>
      <c r="AO37" s="308" t="s">
        <v>521</v>
      </c>
      <c r="AP37" s="308" t="s">
        <v>521</v>
      </c>
      <c r="AQ37" s="309">
        <v>1408</v>
      </c>
      <c r="AR37" s="310" t="s">
        <v>521</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200" t="s">
        <v>540</v>
      </c>
      <c r="AL38" s="1201"/>
      <c r="AM38" s="1201"/>
      <c r="AN38" s="1202"/>
      <c r="AO38" s="311" t="s">
        <v>521</v>
      </c>
      <c r="AP38" s="311" t="s">
        <v>521</v>
      </c>
      <c r="AQ38" s="312">
        <v>0</v>
      </c>
      <c r="AR38" s="300" t="s">
        <v>521</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200" t="s">
        <v>541</v>
      </c>
      <c r="AL39" s="1201"/>
      <c r="AM39" s="1201"/>
      <c r="AN39" s="1202"/>
      <c r="AO39" s="308">
        <v>-3086970</v>
      </c>
      <c r="AP39" s="308">
        <v>-17435</v>
      </c>
      <c r="AQ39" s="309">
        <v>-7310</v>
      </c>
      <c r="AR39" s="310">
        <v>138.5</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7" t="s">
        <v>542</v>
      </c>
      <c r="AL40" s="1198"/>
      <c r="AM40" s="1198"/>
      <c r="AN40" s="1199"/>
      <c r="AO40" s="308">
        <v>-2858686</v>
      </c>
      <c r="AP40" s="308">
        <v>-16146</v>
      </c>
      <c r="AQ40" s="309">
        <v>-19218</v>
      </c>
      <c r="AR40" s="310">
        <v>-16</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3" t="s">
        <v>300</v>
      </c>
      <c r="AL41" s="1204"/>
      <c r="AM41" s="1204"/>
      <c r="AN41" s="1205"/>
      <c r="AO41" s="308">
        <v>200660</v>
      </c>
      <c r="AP41" s="308">
        <v>1133</v>
      </c>
      <c r="AQ41" s="309">
        <v>6873</v>
      </c>
      <c r="AR41" s="310">
        <v>-83.5</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3</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4</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5</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2" t="s">
        <v>512</v>
      </c>
      <c r="AN49" s="1194" t="s">
        <v>546</v>
      </c>
      <c r="AO49" s="1195"/>
      <c r="AP49" s="1195"/>
      <c r="AQ49" s="1195"/>
      <c r="AR49" s="1196"/>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3"/>
      <c r="AN50" s="324" t="s">
        <v>547</v>
      </c>
      <c r="AO50" s="325" t="s">
        <v>548</v>
      </c>
      <c r="AP50" s="326" t="s">
        <v>549</v>
      </c>
      <c r="AQ50" s="327" t="s">
        <v>550</v>
      </c>
      <c r="AR50" s="328" t="s">
        <v>551</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2</v>
      </c>
      <c r="AL51" s="321"/>
      <c r="AM51" s="329">
        <v>6856531</v>
      </c>
      <c r="AN51" s="330">
        <v>38904</v>
      </c>
      <c r="AO51" s="331">
        <v>-8.9</v>
      </c>
      <c r="AP51" s="332">
        <v>41080</v>
      </c>
      <c r="AQ51" s="333">
        <v>3</v>
      </c>
      <c r="AR51" s="334">
        <v>-11.9</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3</v>
      </c>
      <c r="AM52" s="337">
        <v>5713719</v>
      </c>
      <c r="AN52" s="338">
        <v>32420</v>
      </c>
      <c r="AO52" s="339">
        <v>70.099999999999994</v>
      </c>
      <c r="AP52" s="340">
        <v>27265</v>
      </c>
      <c r="AQ52" s="341">
        <v>4.2</v>
      </c>
      <c r="AR52" s="342">
        <v>65.900000000000006</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4</v>
      </c>
      <c r="AL53" s="321"/>
      <c r="AM53" s="329">
        <v>4679505</v>
      </c>
      <c r="AN53" s="330">
        <v>26532</v>
      </c>
      <c r="AO53" s="331">
        <v>-31.8</v>
      </c>
      <c r="AP53" s="332">
        <v>33173</v>
      </c>
      <c r="AQ53" s="333">
        <v>-19.2</v>
      </c>
      <c r="AR53" s="334">
        <v>-12.6</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3</v>
      </c>
      <c r="AM54" s="337">
        <v>3319389</v>
      </c>
      <c r="AN54" s="338">
        <v>18821</v>
      </c>
      <c r="AO54" s="339">
        <v>-41.9</v>
      </c>
      <c r="AP54" s="340">
        <v>20353</v>
      </c>
      <c r="AQ54" s="341">
        <v>-25.4</v>
      </c>
      <c r="AR54" s="342">
        <v>-16.5</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5</v>
      </c>
      <c r="AL55" s="321"/>
      <c r="AM55" s="329">
        <v>4508631</v>
      </c>
      <c r="AN55" s="330">
        <v>25558</v>
      </c>
      <c r="AO55" s="331">
        <v>-3.7</v>
      </c>
      <c r="AP55" s="332">
        <v>37644</v>
      </c>
      <c r="AQ55" s="333">
        <v>13.5</v>
      </c>
      <c r="AR55" s="334">
        <v>-17.2</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3</v>
      </c>
      <c r="AM56" s="337">
        <v>2585273</v>
      </c>
      <c r="AN56" s="338">
        <v>14655</v>
      </c>
      <c r="AO56" s="339">
        <v>-22.1</v>
      </c>
      <c r="AP56" s="340">
        <v>24939</v>
      </c>
      <c r="AQ56" s="341">
        <v>22.5</v>
      </c>
      <c r="AR56" s="342">
        <v>-44.6</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6</v>
      </c>
      <c r="AL57" s="321"/>
      <c r="AM57" s="329">
        <v>4899453</v>
      </c>
      <c r="AN57" s="330">
        <v>27672</v>
      </c>
      <c r="AO57" s="331">
        <v>8.3000000000000007</v>
      </c>
      <c r="AP57" s="332">
        <v>39221</v>
      </c>
      <c r="AQ57" s="333">
        <v>4.2</v>
      </c>
      <c r="AR57" s="334">
        <v>4.0999999999999996</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3</v>
      </c>
      <c r="AM58" s="337">
        <v>3496763</v>
      </c>
      <c r="AN58" s="338">
        <v>19750</v>
      </c>
      <c r="AO58" s="339">
        <v>34.799999999999997</v>
      </c>
      <c r="AP58" s="340">
        <v>24821</v>
      </c>
      <c r="AQ58" s="341">
        <v>-0.5</v>
      </c>
      <c r="AR58" s="342">
        <v>35.299999999999997</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7</v>
      </c>
      <c r="AL59" s="321"/>
      <c r="AM59" s="329">
        <v>2513949</v>
      </c>
      <c r="AN59" s="330">
        <v>14199</v>
      </c>
      <c r="AO59" s="331">
        <v>-48.7</v>
      </c>
      <c r="AP59" s="332">
        <v>38566</v>
      </c>
      <c r="AQ59" s="333">
        <v>-1.7</v>
      </c>
      <c r="AR59" s="334">
        <v>-47</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3</v>
      </c>
      <c r="AM60" s="337">
        <v>1964316</v>
      </c>
      <c r="AN60" s="338">
        <v>11095</v>
      </c>
      <c r="AO60" s="339">
        <v>-43.8</v>
      </c>
      <c r="AP60" s="340">
        <v>24059</v>
      </c>
      <c r="AQ60" s="341">
        <v>-3.1</v>
      </c>
      <c r="AR60" s="342">
        <v>-40.700000000000003</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8</v>
      </c>
      <c r="AL61" s="343"/>
      <c r="AM61" s="344">
        <v>4691614</v>
      </c>
      <c r="AN61" s="345">
        <v>26573</v>
      </c>
      <c r="AO61" s="346">
        <v>-17</v>
      </c>
      <c r="AP61" s="347">
        <v>37937</v>
      </c>
      <c r="AQ61" s="348">
        <v>0</v>
      </c>
      <c r="AR61" s="334">
        <v>-17</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3</v>
      </c>
      <c r="AM62" s="337">
        <v>3415892</v>
      </c>
      <c r="AN62" s="338">
        <v>19348</v>
      </c>
      <c r="AO62" s="339">
        <v>-0.6</v>
      </c>
      <c r="AP62" s="340">
        <v>24287</v>
      </c>
      <c r="AQ62" s="341">
        <v>-0.5</v>
      </c>
      <c r="AR62" s="342">
        <v>-0.1</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15apxZPtLIizY7Xjs4k7ZDxSa/2QYCq6kRDx/pF2tgQWIo1XzrqdSTjPHrMB+qjYnVH8xXD1qf5l4uxnH39TCA==" saltValue="eGz6iuXbCKf8+LKnKMREYA=="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1</v>
      </c>
    </row>
  </sheetData>
  <sheetProtection algorithmName="SHA-512" hashValue="IjbNf167q0j0FOxPJHJmXD8ktJo/S6lFiQZ+POg18nobLLAY1CiuhX4tnUQQIm3OUZrFRFd9tltWkFWo09lnkw==" saltValue="fLJfLfOSswIHSBHhyCoNz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2</v>
      </c>
      <c r="G46" s="8" t="s">
        <v>563</v>
      </c>
      <c r="H46" s="8" t="s">
        <v>564</v>
      </c>
      <c r="I46" s="8" t="s">
        <v>565</v>
      </c>
      <c r="J46" s="9" t="s">
        <v>566</v>
      </c>
    </row>
    <row r="47" spans="2:10" ht="57.75" customHeight="1" x14ac:dyDescent="0.2">
      <c r="B47" s="10"/>
      <c r="C47" s="1206" t="s">
        <v>3</v>
      </c>
      <c r="D47" s="1206"/>
      <c r="E47" s="1207"/>
      <c r="F47" s="11">
        <v>16.34</v>
      </c>
      <c r="G47" s="12">
        <v>15.8</v>
      </c>
      <c r="H47" s="12">
        <v>12.05</v>
      </c>
      <c r="I47" s="12">
        <v>12.8</v>
      </c>
      <c r="J47" s="13">
        <v>16.559999999999999</v>
      </c>
    </row>
    <row r="48" spans="2:10" ht="57.75" customHeight="1" x14ac:dyDescent="0.2">
      <c r="B48" s="14"/>
      <c r="C48" s="1208" t="s">
        <v>4</v>
      </c>
      <c r="D48" s="1208"/>
      <c r="E48" s="1209"/>
      <c r="F48" s="15">
        <v>4.3099999999999996</v>
      </c>
      <c r="G48" s="16">
        <v>4.6100000000000003</v>
      </c>
      <c r="H48" s="16">
        <v>7.2</v>
      </c>
      <c r="I48" s="16">
        <v>8.57</v>
      </c>
      <c r="J48" s="17">
        <v>12.48</v>
      </c>
    </row>
    <row r="49" spans="2:10" ht="57.75" customHeight="1" thickBot="1" x14ac:dyDescent="0.25">
      <c r="B49" s="18"/>
      <c r="C49" s="1210" t="s">
        <v>5</v>
      </c>
      <c r="D49" s="1210"/>
      <c r="E49" s="1211"/>
      <c r="F49" s="19" t="s">
        <v>567</v>
      </c>
      <c r="G49" s="20" t="s">
        <v>568</v>
      </c>
      <c r="H49" s="20" t="s">
        <v>569</v>
      </c>
      <c r="I49" s="20">
        <v>2.93</v>
      </c>
      <c r="J49" s="21">
        <v>7.04</v>
      </c>
    </row>
    <row r="50" spans="2:10" ht="13.2" x14ac:dyDescent="0.2"/>
  </sheetData>
  <sheetProtection algorithmName="SHA-512" hashValue="jMMvv6oQNiXZWKsDwODWgQaCYl/TWllkRDa2oB/vumLS394eS5FktoqjdOePYjJ9BcUxEfKR2vpYhTGdvj4Dgw==" saltValue="NSB2x4L/ZDvcoeQhJKfPd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1" orientation="landscape" horizontalDpi="300" verticalDpi="300"/>
  <headerFooter alignWithMargins="0">
    <oddFooter>&amp;C&amp;P/&amp;N</oddFooter>
  </headerFooter>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27T07:22:19Z</cp:lastPrinted>
  <dcterms:created xsi:type="dcterms:W3CDTF">2023-02-20T04:52:49Z</dcterms:created>
  <dcterms:modified xsi:type="dcterms:W3CDTF">2023-10-05T02:43:45Z</dcterms:modified>
  <cp:category/>
</cp:coreProperties>
</file>